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83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8_{610AA84D-CA35-436C-955F-0285008CA3BD}" xr6:coauthVersionLast="47" xr6:coauthVersionMax="47" xr10:uidLastSave="{00000000-0000-0000-0000-000000000000}"/>
  <bookViews>
    <workbookView xWindow="-110" yWindow="-110" windowWidth="19420" windowHeight="10300" tabRatio="920" xr2:uid="{00000000-000D-0000-FFFF-FFFF00000000}"/>
  </bookViews>
  <sheets>
    <sheet name="ア施設及び業務の概況" sheetId="4" r:id="rId1"/>
    <sheet name="イ損益計算書" sheetId="5" r:id="rId2"/>
    <sheet name="ウ貸借対照表" sheetId="7" r:id="rId3"/>
    <sheet name="エ資本的収支に関する調" sheetId="8" r:id="rId4"/>
  </sheets>
  <externalReferences>
    <externalReference r:id="rId5"/>
  </externalReferences>
  <definedNames>
    <definedName name="data10">#REF!</definedName>
    <definedName name="data32">#REF!</definedName>
    <definedName name="data33">#REF!</definedName>
    <definedName name="data52">#REF!</definedName>
    <definedName name="item1001">#REF!</definedName>
    <definedName name="item1002">#REF!</definedName>
    <definedName name="item1003">#REF!</definedName>
    <definedName name="item3201">#REF!</definedName>
    <definedName name="item3202">#REF!</definedName>
    <definedName name="item3203">#REF!</definedName>
    <definedName name="item3301">#REF!</definedName>
    <definedName name="item3302">#REF!</definedName>
    <definedName name="item3303">#REF!</definedName>
    <definedName name="item5201">#REF!</definedName>
    <definedName name="item5202">#REF!</definedName>
    <definedName name="item5203">#REF!</definedName>
    <definedName name="_xlnm.Print_Area" localSheetId="0">ア施設及び業務の概況!$A$1:$K$52</definedName>
    <definedName name="_xlnm.Print_Area" localSheetId="1">イ損益計算書!$A$1:$K$64</definedName>
    <definedName name="_xlnm.Print_Area" localSheetId="3">エ資本的収支に関する調!$A$1:$K$56</definedName>
    <definedName name="_xlnm.Print_Titles" localSheetId="0">ア施設及び業務の概況!$A:$J</definedName>
    <definedName name="_xlnm.Print_Titles" localSheetId="1">イ損益計算書!$A:$J</definedName>
    <definedName name="_xlnm.Print_Titles" localSheetId="2">ウ貸借対照表!$A:$J</definedName>
    <definedName name="_xlnm.Print_Titles" localSheetId="3">エ資本的収支に関する調!$A:$J</definedName>
    <definedName name="X01Y07_10">'[1]10(000)'!#REF!</definedName>
    <definedName name="X01Y08_10">'[1]10(000)'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埼玉県</author>
  </authors>
  <commentList>
    <comment ref="K29" authorId="0" shapeId="0" xr:uid="{00000000-0006-0000-0000-000001000000}">
      <text>
        <r>
          <rPr>
            <b/>
            <sz val="9"/>
            <color indexed="81"/>
            <rFont val="MS P ゴシック"/>
            <family val="3"/>
            <charset val="128"/>
          </rPr>
          <t>埼玉県:</t>
        </r>
        <r>
          <rPr>
            <sz val="9"/>
            <color indexed="81"/>
            <rFont val="MS P ゴシック"/>
            <family val="3"/>
            <charset val="128"/>
          </rPr>
          <t xml:space="preserve">
S01.10.01→R01.10.01に修正。比較ツールで修正前後のデータをチェックしたが、29行以外には影響していなかった。</t>
        </r>
      </text>
    </comment>
  </commentList>
</comments>
</file>

<file path=xl/sharedStrings.xml><?xml version="1.0" encoding="utf-8"?>
<sst xmlns="http://schemas.openxmlformats.org/spreadsheetml/2006/main" count="274" uniqueCount="238">
  <si>
    <t>事業創設認可年月日</t>
  </si>
  <si>
    <t>供用開始年月日</t>
  </si>
  <si>
    <t>法適用年月日</t>
  </si>
  <si>
    <t>管理者設置の有無</t>
  </si>
  <si>
    <t>行政区域内人口(人)</t>
  </si>
  <si>
    <t>計画給水人口(人)</t>
  </si>
  <si>
    <t>現在給水人口(人)</t>
  </si>
  <si>
    <t>水利権(㎥/日)</t>
  </si>
  <si>
    <t>浄水場設置数</t>
  </si>
  <si>
    <t>配水池設置数</t>
  </si>
  <si>
    <t>配水能力(㎥/日)</t>
  </si>
  <si>
    <t>一日最大配水量(㎥/日)</t>
  </si>
  <si>
    <t>基本水量(㎥)</t>
  </si>
  <si>
    <t>基本料金(円)</t>
  </si>
  <si>
    <t>超過料金(円/㎥)</t>
  </si>
  <si>
    <t>10㎥当たり(13㎜)</t>
  </si>
  <si>
    <t>現行料金実施年月日</t>
  </si>
  <si>
    <t>損益勘定所属職員</t>
  </si>
  <si>
    <t>うち原水関係職員</t>
  </si>
  <si>
    <t>うち浄水関係職員</t>
  </si>
  <si>
    <t>うち配水関係職員</t>
  </si>
  <si>
    <t>うち検針職員</t>
  </si>
  <si>
    <t>うち集金職員</t>
  </si>
  <si>
    <t>資本勘定所属職員</t>
  </si>
  <si>
    <t>計</t>
  </si>
  <si>
    <t>施設</t>
    <rPh sb="0" eb="2">
      <t>シセツ</t>
    </rPh>
    <phoneticPr fontId="4"/>
  </si>
  <si>
    <t>その他</t>
    <rPh sb="2" eb="3">
      <t>タ</t>
    </rPh>
    <phoneticPr fontId="4"/>
  </si>
  <si>
    <t>導水管延長(千m)</t>
    <rPh sb="6" eb="7">
      <t>セン</t>
    </rPh>
    <phoneticPr fontId="6"/>
  </si>
  <si>
    <t>送水管延長(千m)</t>
    <rPh sb="6" eb="7">
      <t>セン</t>
    </rPh>
    <phoneticPr fontId="6"/>
  </si>
  <si>
    <t>配水管延長(千m)</t>
    <rPh sb="6" eb="7">
      <t>セン</t>
    </rPh>
    <phoneticPr fontId="6"/>
  </si>
  <si>
    <t>業務</t>
    <rPh sb="0" eb="2">
      <t>ギョウム</t>
    </rPh>
    <phoneticPr fontId="4"/>
  </si>
  <si>
    <t>年間総配水量(千㎥)</t>
    <rPh sb="6" eb="7">
      <t>セン</t>
    </rPh>
    <phoneticPr fontId="6"/>
  </si>
  <si>
    <t>年間総有収水量(千㎥)</t>
    <rPh sb="7" eb="8">
      <t>セン</t>
    </rPh>
    <phoneticPr fontId="6"/>
  </si>
  <si>
    <t>料金</t>
    <rPh sb="0" eb="2">
      <t>リョウキン</t>
    </rPh>
    <phoneticPr fontId="4"/>
  </si>
  <si>
    <t>料金
体系</t>
    <phoneticPr fontId="4"/>
  </si>
  <si>
    <t>用途別</t>
    <rPh sb="0" eb="2">
      <t>ヨウト</t>
    </rPh>
    <rPh sb="2" eb="3">
      <t>ベツ</t>
    </rPh>
    <phoneticPr fontId="4"/>
  </si>
  <si>
    <t>口径別</t>
    <rPh sb="0" eb="2">
      <t>コウケイ</t>
    </rPh>
    <rPh sb="2" eb="3">
      <t>ベツ</t>
    </rPh>
    <phoneticPr fontId="4"/>
  </si>
  <si>
    <t>家庭
料金</t>
    <rPh sb="0" eb="2">
      <t>カテイ</t>
    </rPh>
    <rPh sb="3" eb="5">
      <t>リョウキン</t>
    </rPh>
    <phoneticPr fontId="4"/>
  </si>
  <si>
    <t>職員数(人)</t>
    <rPh sb="0" eb="3">
      <t>ショクインスウ</t>
    </rPh>
    <rPh sb="4" eb="5">
      <t>ヒト</t>
    </rPh>
    <phoneticPr fontId="4"/>
  </si>
  <si>
    <t>加入金徴収総額(千円)</t>
    <rPh sb="0" eb="2">
      <t>カニュウ</t>
    </rPh>
    <rPh sb="2" eb="3">
      <t>キン</t>
    </rPh>
    <rPh sb="3" eb="5">
      <t>チョウシュウ</t>
    </rPh>
    <rPh sb="5" eb="7">
      <t>ソウガク</t>
    </rPh>
    <rPh sb="8" eb="10">
      <t>センエン</t>
    </rPh>
    <phoneticPr fontId="4"/>
  </si>
  <si>
    <t/>
  </si>
  <si>
    <t>総収益　a</t>
  </si>
  <si>
    <t>営業収益　b</t>
  </si>
  <si>
    <t>給水収益</t>
  </si>
  <si>
    <t>受託工事収益</t>
  </si>
  <si>
    <t>その他営業収益</t>
  </si>
  <si>
    <t>他会計負担金</t>
  </si>
  <si>
    <t>その他</t>
  </si>
  <si>
    <t>営業外収益　c</t>
  </si>
  <si>
    <t>受取利息・配当金</t>
  </si>
  <si>
    <t>国庫補助金</t>
  </si>
  <si>
    <t>他会計補助金</t>
  </si>
  <si>
    <t>雑収益</t>
  </si>
  <si>
    <t>特別利益</t>
  </si>
  <si>
    <t>他会計繰入金</t>
  </si>
  <si>
    <t>固定資産売却益</t>
  </si>
  <si>
    <t>総費用　d</t>
  </si>
  <si>
    <t>営業費用　e</t>
  </si>
  <si>
    <t>原水・浄水費</t>
  </si>
  <si>
    <t>配水・給水費</t>
  </si>
  <si>
    <t>受託工事費</t>
  </si>
  <si>
    <t>業務費</t>
  </si>
  <si>
    <t>総係費</t>
  </si>
  <si>
    <t>減価償却費</t>
  </si>
  <si>
    <t>資産減耗費</t>
  </si>
  <si>
    <t>その他営業費用</t>
  </si>
  <si>
    <t>営業外費用　f</t>
  </si>
  <si>
    <t>支払利息</t>
  </si>
  <si>
    <t>企業債取扱諸費</t>
  </si>
  <si>
    <t>繰延勘定償却</t>
  </si>
  <si>
    <t>その他営業外費用</t>
  </si>
  <si>
    <t>特別損失</t>
  </si>
  <si>
    <t>職員給与費</t>
  </si>
  <si>
    <t>経常利益 (b+c)-(e+f)</t>
  </si>
  <si>
    <t>純利益　　 a-d</t>
  </si>
  <si>
    <t>前年度繰越利益剰余金</t>
  </si>
  <si>
    <t>当年度未処分利益剰余金</t>
  </si>
  <si>
    <t>収益的支出に充てた企業債</t>
  </si>
  <si>
    <t>収益的支出に充てた他会計借入金</t>
  </si>
  <si>
    <t>県補助金</t>
    <rPh sb="0" eb="1">
      <t>ケン</t>
    </rPh>
    <rPh sb="1" eb="4">
      <t>ホジョキン</t>
    </rPh>
    <phoneticPr fontId="7"/>
  </si>
  <si>
    <t>長期前受金戻入</t>
    <rPh sb="0" eb="2">
      <t>チョウキ</t>
    </rPh>
    <rPh sb="2" eb="5">
      <t>マエウケキン</t>
    </rPh>
    <rPh sb="5" eb="7">
      <t>レイニュウ</t>
    </rPh>
    <phoneticPr fontId="4"/>
  </si>
  <si>
    <t>資本費繰入収益</t>
    <rPh sb="0" eb="2">
      <t>シホン</t>
    </rPh>
    <rPh sb="2" eb="3">
      <t>ヒ</t>
    </rPh>
    <rPh sb="3" eb="5">
      <t>クリイレ</t>
    </rPh>
    <rPh sb="5" eb="7">
      <t>シュウエキ</t>
    </rPh>
    <phoneticPr fontId="4"/>
  </si>
  <si>
    <t>その他未処分利益剰余金変動額</t>
    <rPh sb="2" eb="3">
      <t>タ</t>
    </rPh>
    <rPh sb="3" eb="6">
      <t>ミショブン</t>
    </rPh>
    <rPh sb="6" eb="8">
      <t>リエキ</t>
    </rPh>
    <rPh sb="8" eb="11">
      <t>ジョウヨキン</t>
    </rPh>
    <rPh sb="11" eb="13">
      <t>ヘンドウ</t>
    </rPh>
    <rPh sb="13" eb="14">
      <t>ガク</t>
    </rPh>
    <phoneticPr fontId="4"/>
  </si>
  <si>
    <t>他会計繰入金合計</t>
    <rPh sb="0" eb="3">
      <t>タカイケイ</t>
    </rPh>
    <rPh sb="3" eb="6">
      <t>クリイレキン</t>
    </rPh>
    <rPh sb="6" eb="8">
      <t>ゴウケイ</t>
    </rPh>
    <phoneticPr fontId="8"/>
  </si>
  <si>
    <t>繰出基準に基づく繰入金</t>
    <rPh sb="0" eb="2">
      <t>クリダ</t>
    </rPh>
    <rPh sb="2" eb="4">
      <t>キジュン</t>
    </rPh>
    <rPh sb="5" eb="6">
      <t>モト</t>
    </rPh>
    <rPh sb="8" eb="11">
      <t>クリイレキン</t>
    </rPh>
    <phoneticPr fontId="8"/>
  </si>
  <si>
    <t>繰出基準以外の繰入金</t>
    <rPh sb="0" eb="2">
      <t>クリダ</t>
    </rPh>
    <rPh sb="2" eb="4">
      <t>キジュン</t>
    </rPh>
    <rPh sb="4" eb="6">
      <t>イガイ</t>
    </rPh>
    <rPh sb="7" eb="10">
      <t>クリイレキン</t>
    </rPh>
    <phoneticPr fontId="8"/>
  </si>
  <si>
    <t>繰出基準に係る上乗せ繰入</t>
    <rPh sb="0" eb="2">
      <t>クリダ</t>
    </rPh>
    <rPh sb="2" eb="4">
      <t>キジュン</t>
    </rPh>
    <rPh sb="5" eb="6">
      <t>カカ</t>
    </rPh>
    <rPh sb="7" eb="9">
      <t>ウワノ</t>
    </rPh>
    <rPh sb="10" eb="12">
      <t>クリイレ</t>
    </rPh>
    <phoneticPr fontId="8"/>
  </si>
  <si>
    <t>繰出基準事由以外の繰入</t>
    <rPh sb="0" eb="2">
      <t>クリダ</t>
    </rPh>
    <rPh sb="2" eb="4">
      <t>キジュン</t>
    </rPh>
    <rPh sb="4" eb="6">
      <t>ジユウ</t>
    </rPh>
    <rPh sb="6" eb="8">
      <t>イガイ</t>
    </rPh>
    <rPh sb="9" eb="11">
      <t>クリイレ</t>
    </rPh>
    <phoneticPr fontId="8"/>
  </si>
  <si>
    <t>業務活動によるキャッシュ・フロー</t>
    <rPh sb="0" eb="2">
      <t>ギョウム</t>
    </rPh>
    <rPh sb="2" eb="4">
      <t>カツドウ</t>
    </rPh>
    <phoneticPr fontId="4"/>
  </si>
  <si>
    <t>投資活動によるキャッシュ・フロー</t>
    <rPh sb="0" eb="2">
      <t>トウシ</t>
    </rPh>
    <rPh sb="2" eb="4">
      <t>カツドウ</t>
    </rPh>
    <phoneticPr fontId="4"/>
  </si>
  <si>
    <t>財務活動によるキャッシュ・フロー</t>
    <rPh sb="0" eb="2">
      <t>ザイム</t>
    </rPh>
    <rPh sb="2" eb="4">
      <t>カツドウ</t>
    </rPh>
    <phoneticPr fontId="4"/>
  </si>
  <si>
    <t>資金に係る交換差額</t>
    <rPh sb="0" eb="2">
      <t>シキン</t>
    </rPh>
    <rPh sb="3" eb="4">
      <t>カカワ</t>
    </rPh>
    <rPh sb="5" eb="7">
      <t>コウカン</t>
    </rPh>
    <rPh sb="7" eb="9">
      <t>サガク</t>
    </rPh>
    <phoneticPr fontId="4"/>
  </si>
  <si>
    <t>資金の増加額（又は減少額）</t>
    <rPh sb="0" eb="2">
      <t>シキン</t>
    </rPh>
    <rPh sb="3" eb="5">
      <t>ゾウカ</t>
    </rPh>
    <rPh sb="5" eb="6">
      <t>ガク</t>
    </rPh>
    <rPh sb="7" eb="8">
      <t>マタ</t>
    </rPh>
    <rPh sb="9" eb="11">
      <t>ゲンショウ</t>
    </rPh>
    <rPh sb="11" eb="12">
      <t>ガク</t>
    </rPh>
    <phoneticPr fontId="4"/>
  </si>
  <si>
    <t>資金期首残高</t>
    <rPh sb="0" eb="2">
      <t>シキン</t>
    </rPh>
    <rPh sb="2" eb="4">
      <t>キシュ</t>
    </rPh>
    <rPh sb="4" eb="6">
      <t>ザンダカ</t>
    </rPh>
    <phoneticPr fontId="4"/>
  </si>
  <si>
    <t>資金期末残高</t>
    <rPh sb="0" eb="2">
      <t>シキン</t>
    </rPh>
    <rPh sb="2" eb="4">
      <t>キマツ</t>
    </rPh>
    <rPh sb="4" eb="6">
      <t>ザンダカ</t>
    </rPh>
    <phoneticPr fontId="4"/>
  </si>
  <si>
    <t>職員給与費</t>
    <rPh sb="0" eb="2">
      <t>ショクイン</t>
    </rPh>
    <rPh sb="2" eb="4">
      <t>キュウヨ</t>
    </rPh>
    <rPh sb="4" eb="5">
      <t>ヒ</t>
    </rPh>
    <phoneticPr fontId="4"/>
  </si>
  <si>
    <t>固定資産</t>
  </si>
  <si>
    <t>有形固定資産</t>
  </si>
  <si>
    <t>土地</t>
  </si>
  <si>
    <t>償却資産</t>
  </si>
  <si>
    <t>建設仮勘定</t>
  </si>
  <si>
    <t>無形固定資産</t>
  </si>
  <si>
    <t>流動資産</t>
  </si>
  <si>
    <t>現金・預金</t>
  </si>
  <si>
    <t>貯蔵品</t>
  </si>
  <si>
    <t>短期有価証券</t>
  </si>
  <si>
    <t>固定負債</t>
  </si>
  <si>
    <t>再建債</t>
  </si>
  <si>
    <t>流動負債</t>
  </si>
  <si>
    <t>資本金</t>
  </si>
  <si>
    <t>固有資本金</t>
  </si>
  <si>
    <t>再評価組入資本金</t>
  </si>
  <si>
    <t>繰入資本金</t>
  </si>
  <si>
    <t>組入資本金</t>
  </si>
  <si>
    <t>剰余金</t>
  </si>
  <si>
    <t>資本剰余金</t>
  </si>
  <si>
    <t>県補助金</t>
  </si>
  <si>
    <t>工事負担金</t>
  </si>
  <si>
    <t>再評価積立金</t>
  </si>
  <si>
    <t>利益剰余金</t>
  </si>
  <si>
    <t>減債積立金</t>
  </si>
  <si>
    <t>利益積立金</t>
  </si>
  <si>
    <t>建設改良積立金</t>
  </si>
  <si>
    <t>その他積立金</t>
  </si>
  <si>
    <t>負債・資本合計</t>
  </si>
  <si>
    <t>不良債務</t>
  </si>
  <si>
    <t>実質資金不足額</t>
  </si>
  <si>
    <t>経常利益</t>
  </si>
  <si>
    <t>資産</t>
    <rPh sb="0" eb="2">
      <t>シサン</t>
    </rPh>
    <phoneticPr fontId="4"/>
  </si>
  <si>
    <t>うちリース資産</t>
    <rPh sb="5" eb="7">
      <t>シサン</t>
    </rPh>
    <phoneticPr fontId="4"/>
  </si>
  <si>
    <t>投資その他の資産</t>
    <rPh sb="4" eb="5">
      <t>タ</t>
    </rPh>
    <rPh sb="6" eb="8">
      <t>シサン</t>
    </rPh>
    <phoneticPr fontId="4"/>
  </si>
  <si>
    <t>繰延資産</t>
    <rPh sb="0" eb="2">
      <t>クリノベ</t>
    </rPh>
    <rPh sb="2" eb="4">
      <t>シサン</t>
    </rPh>
    <phoneticPr fontId="4"/>
  </si>
  <si>
    <t>負債</t>
    <phoneticPr fontId="4"/>
  </si>
  <si>
    <t>建設改良等の財源に充てるための企業債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キギョウ</t>
    </rPh>
    <rPh sb="17" eb="18">
      <t>サイ</t>
    </rPh>
    <phoneticPr fontId="4"/>
  </si>
  <si>
    <t>その他の企業債</t>
    <rPh sb="2" eb="3">
      <t>タ</t>
    </rPh>
    <rPh sb="4" eb="6">
      <t>キギョウ</t>
    </rPh>
    <rPh sb="6" eb="7">
      <t>サイ</t>
    </rPh>
    <phoneticPr fontId="4"/>
  </si>
  <si>
    <t>建設改良等の財源に充てるための長期借入金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チョウキ</t>
    </rPh>
    <rPh sb="17" eb="19">
      <t>カリイレ</t>
    </rPh>
    <rPh sb="19" eb="20">
      <t>キン</t>
    </rPh>
    <phoneticPr fontId="4"/>
  </si>
  <si>
    <t>その他の長期借入金</t>
    <rPh sb="2" eb="3">
      <t>タ</t>
    </rPh>
    <rPh sb="4" eb="6">
      <t>チョウキ</t>
    </rPh>
    <rPh sb="6" eb="8">
      <t>カリイレ</t>
    </rPh>
    <rPh sb="8" eb="9">
      <t>キン</t>
    </rPh>
    <phoneticPr fontId="4"/>
  </si>
  <si>
    <t>引当金</t>
    <phoneticPr fontId="4"/>
  </si>
  <si>
    <t>リース債務</t>
    <phoneticPr fontId="4"/>
  </si>
  <si>
    <t>その他</t>
    <phoneticPr fontId="4"/>
  </si>
  <si>
    <t>リース債務</t>
    <rPh sb="3" eb="5">
      <t>サイム</t>
    </rPh>
    <phoneticPr fontId="4"/>
  </si>
  <si>
    <t>一時借入金</t>
    <rPh sb="0" eb="2">
      <t>イチジ</t>
    </rPh>
    <rPh sb="2" eb="4">
      <t>カリイレ</t>
    </rPh>
    <rPh sb="4" eb="5">
      <t>キン</t>
    </rPh>
    <phoneticPr fontId="4"/>
  </si>
  <si>
    <t>繰延収益</t>
    <rPh sb="0" eb="2">
      <t>クリノベ</t>
    </rPh>
    <rPh sb="2" eb="4">
      <t>シュウエキ</t>
    </rPh>
    <phoneticPr fontId="4"/>
  </si>
  <si>
    <t>資本</t>
    <rPh sb="0" eb="2">
      <t>シホン</t>
    </rPh>
    <phoneticPr fontId="4"/>
  </si>
  <si>
    <t>剰余金等</t>
    <rPh sb="0" eb="4">
      <t>ジョウヨキントウ</t>
    </rPh>
    <phoneticPr fontId="4"/>
  </si>
  <si>
    <t>うち</t>
    <phoneticPr fontId="4"/>
  </si>
  <si>
    <t>当年度純利益</t>
    <phoneticPr fontId="4"/>
  </si>
  <si>
    <t>資本的収入</t>
    <rPh sb="0" eb="3">
      <t>シホンテキ</t>
    </rPh>
    <rPh sb="3" eb="5">
      <t>シュウニュウ</t>
    </rPh>
    <phoneticPr fontId="4"/>
  </si>
  <si>
    <t>企業債</t>
    <rPh sb="0" eb="2">
      <t>キギョウ</t>
    </rPh>
    <rPh sb="2" eb="3">
      <t>サイ</t>
    </rPh>
    <phoneticPr fontId="4"/>
  </si>
  <si>
    <t>建設改良のための企業債</t>
    <rPh sb="0" eb="2">
      <t>ケンセツ</t>
    </rPh>
    <rPh sb="2" eb="4">
      <t>カイリョウ</t>
    </rPh>
    <rPh sb="8" eb="10">
      <t>キギョウ</t>
    </rPh>
    <rPh sb="10" eb="11">
      <t>サイ</t>
    </rPh>
    <phoneticPr fontId="4"/>
  </si>
  <si>
    <t>他会計出資金</t>
    <rPh sb="0" eb="1">
      <t>タ</t>
    </rPh>
    <rPh sb="1" eb="3">
      <t>カイケイ</t>
    </rPh>
    <rPh sb="3" eb="6">
      <t>シュッシキン</t>
    </rPh>
    <phoneticPr fontId="4"/>
  </si>
  <si>
    <t>他会計負担金</t>
    <rPh sb="0" eb="1">
      <t>タ</t>
    </rPh>
    <rPh sb="1" eb="3">
      <t>カイケイ</t>
    </rPh>
    <rPh sb="3" eb="6">
      <t>フタンキン</t>
    </rPh>
    <phoneticPr fontId="4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4"/>
  </si>
  <si>
    <t>他会計補助金</t>
    <rPh sb="0" eb="1">
      <t>タ</t>
    </rPh>
    <rPh sb="1" eb="3">
      <t>カイケイ</t>
    </rPh>
    <rPh sb="3" eb="6">
      <t>ホジョキン</t>
    </rPh>
    <phoneticPr fontId="4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4"/>
  </si>
  <si>
    <t>国庫補助金</t>
    <rPh sb="0" eb="2">
      <t>コッコ</t>
    </rPh>
    <rPh sb="2" eb="5">
      <t>ホジョキン</t>
    </rPh>
    <phoneticPr fontId="4"/>
  </si>
  <si>
    <t>県補助金</t>
    <rPh sb="0" eb="1">
      <t>ケン</t>
    </rPh>
    <rPh sb="1" eb="4">
      <t>ホジョキン</t>
    </rPh>
    <phoneticPr fontId="4"/>
  </si>
  <si>
    <t>工事負担金</t>
    <rPh sb="0" eb="2">
      <t>コウジ</t>
    </rPh>
    <rPh sb="2" eb="5">
      <t>フタンキン</t>
    </rPh>
    <phoneticPr fontId="4"/>
  </si>
  <si>
    <t>翌年度へ繰越される</t>
    <rPh sb="0" eb="3">
      <t>ヨクネンド</t>
    </rPh>
    <rPh sb="4" eb="6">
      <t>クリコ</t>
    </rPh>
    <phoneticPr fontId="4"/>
  </si>
  <si>
    <t>支出の財源充当額 (b)</t>
    <phoneticPr fontId="4"/>
  </si>
  <si>
    <t>資本的支出</t>
    <rPh sb="0" eb="3">
      <t>シホンテキ</t>
    </rPh>
    <rPh sb="3" eb="5">
      <t>シシュツ</t>
    </rPh>
    <phoneticPr fontId="4"/>
  </si>
  <si>
    <t>建設改良費</t>
    <rPh sb="0" eb="2">
      <t>ケンセツ</t>
    </rPh>
    <rPh sb="2" eb="4">
      <t>カイリョウ</t>
    </rPh>
    <rPh sb="4" eb="5">
      <t>ヒ</t>
    </rPh>
    <phoneticPr fontId="4"/>
  </si>
  <si>
    <t>建設利息</t>
    <rPh sb="0" eb="2">
      <t>ケンセツ</t>
    </rPh>
    <rPh sb="2" eb="4">
      <t>リソク</t>
    </rPh>
    <phoneticPr fontId="4"/>
  </si>
  <si>
    <t>企業債償還金</t>
    <rPh sb="0" eb="2">
      <t>キギョウ</t>
    </rPh>
    <rPh sb="2" eb="3">
      <t>サイ</t>
    </rPh>
    <rPh sb="3" eb="6">
      <t>ショウカンキン</t>
    </rPh>
    <phoneticPr fontId="4"/>
  </si>
  <si>
    <t>他会計からの長期借入金返還金</t>
    <rPh sb="0" eb="1">
      <t>タ</t>
    </rPh>
    <rPh sb="1" eb="3">
      <t>カイケイ</t>
    </rPh>
    <rPh sb="6" eb="8">
      <t>チョウキ</t>
    </rPh>
    <rPh sb="8" eb="10">
      <t>カリイレ</t>
    </rPh>
    <rPh sb="10" eb="11">
      <t>キン</t>
    </rPh>
    <rPh sb="11" eb="13">
      <t>ヘンカン</t>
    </rPh>
    <rPh sb="13" eb="14">
      <t>キン</t>
    </rPh>
    <phoneticPr fontId="4"/>
  </si>
  <si>
    <t>他会計への支出金</t>
    <rPh sb="0" eb="1">
      <t>タ</t>
    </rPh>
    <rPh sb="1" eb="3">
      <t>カイケイ</t>
    </rPh>
    <rPh sb="5" eb="7">
      <t>シシュツ</t>
    </rPh>
    <rPh sb="7" eb="8">
      <t>キン</t>
    </rPh>
    <phoneticPr fontId="4"/>
  </si>
  <si>
    <t>差額</t>
    <rPh sb="0" eb="2">
      <t>サガク</t>
    </rPh>
    <phoneticPr fontId="4"/>
  </si>
  <si>
    <t>補てん財源</t>
    <rPh sb="0" eb="1">
      <t>ホ</t>
    </rPh>
    <rPh sb="3" eb="5">
      <t>ザイゲン</t>
    </rPh>
    <phoneticPr fontId="4"/>
  </si>
  <si>
    <t>過年度分損益勘定留保資金</t>
    <rPh sb="0" eb="1">
      <t>カ</t>
    </rPh>
    <rPh sb="1" eb="3">
      <t>ネンド</t>
    </rPh>
    <rPh sb="3" eb="4">
      <t>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4"/>
  </si>
  <si>
    <t>当年度分損益勘定留保資金</t>
    <rPh sb="0" eb="1">
      <t>トウ</t>
    </rPh>
    <rPh sb="1" eb="4">
      <t>ネンド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4"/>
  </si>
  <si>
    <t>繰越利益剰余金処分額</t>
    <rPh sb="0" eb="2">
      <t>クリコシ</t>
    </rPh>
    <rPh sb="2" eb="4">
      <t>リエキ</t>
    </rPh>
    <rPh sb="4" eb="7">
      <t>ジョウヨキン</t>
    </rPh>
    <rPh sb="7" eb="9">
      <t>ショブン</t>
    </rPh>
    <rPh sb="9" eb="10">
      <t>ガク</t>
    </rPh>
    <phoneticPr fontId="4"/>
  </si>
  <si>
    <t>当年度利益剰余金処分額</t>
    <rPh sb="0" eb="1">
      <t>トウ</t>
    </rPh>
    <rPh sb="1" eb="3">
      <t>ネンド</t>
    </rPh>
    <rPh sb="3" eb="5">
      <t>リエキ</t>
    </rPh>
    <rPh sb="5" eb="8">
      <t>ジョウヨキン</t>
    </rPh>
    <rPh sb="8" eb="10">
      <t>ショブン</t>
    </rPh>
    <rPh sb="10" eb="11">
      <t>ガク</t>
    </rPh>
    <phoneticPr fontId="4"/>
  </si>
  <si>
    <t>積立金取りくずし額</t>
    <rPh sb="0" eb="2">
      <t>ツミタテ</t>
    </rPh>
    <rPh sb="2" eb="3">
      <t>キン</t>
    </rPh>
    <rPh sb="3" eb="4">
      <t>ト</t>
    </rPh>
    <rPh sb="8" eb="9">
      <t>ガク</t>
    </rPh>
    <phoneticPr fontId="4"/>
  </si>
  <si>
    <t>繰越工事資金</t>
    <rPh sb="0" eb="2">
      <t>クリコシ</t>
    </rPh>
    <rPh sb="2" eb="4">
      <t>コウジ</t>
    </rPh>
    <rPh sb="4" eb="6">
      <t>シキン</t>
    </rPh>
    <phoneticPr fontId="4"/>
  </si>
  <si>
    <t>当年度同意等債で未借入または未発行額</t>
    <rPh sb="0" eb="1">
      <t>トウ</t>
    </rPh>
    <rPh sb="1" eb="3">
      <t>ネンド</t>
    </rPh>
    <rPh sb="3" eb="5">
      <t>ドウイ</t>
    </rPh>
    <rPh sb="5" eb="6">
      <t>トウ</t>
    </rPh>
    <rPh sb="6" eb="7">
      <t>サイ</t>
    </rPh>
    <rPh sb="8" eb="9">
      <t>ミ</t>
    </rPh>
    <rPh sb="9" eb="11">
      <t>カリイレ</t>
    </rPh>
    <rPh sb="14" eb="18">
      <t>ミハッコウガク</t>
    </rPh>
    <phoneticPr fontId="4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4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4"/>
  </si>
  <si>
    <t>他会計繰入金合計</t>
    <rPh sb="0" eb="1">
      <t>タ</t>
    </rPh>
    <rPh sb="1" eb="3">
      <t>カイケイ</t>
    </rPh>
    <rPh sb="3" eb="5">
      <t>クリイレ</t>
    </rPh>
    <rPh sb="5" eb="6">
      <t>キン</t>
    </rPh>
    <rPh sb="6" eb="8">
      <t>ゴウケイ</t>
    </rPh>
    <phoneticPr fontId="4"/>
  </si>
  <si>
    <t>繰出基準に基づく繰入金</t>
    <rPh sb="0" eb="2">
      <t>クリダシ</t>
    </rPh>
    <rPh sb="2" eb="4">
      <t>キジュン</t>
    </rPh>
    <rPh sb="5" eb="6">
      <t>モト</t>
    </rPh>
    <rPh sb="8" eb="10">
      <t>クリイレ</t>
    </rPh>
    <rPh sb="10" eb="11">
      <t>キン</t>
    </rPh>
    <phoneticPr fontId="4"/>
  </si>
  <si>
    <t>繰出基準以外の繰入金</t>
    <rPh sb="0" eb="2">
      <t>クリダシ</t>
    </rPh>
    <rPh sb="2" eb="4">
      <t>キジュン</t>
    </rPh>
    <rPh sb="4" eb="6">
      <t>イガイ</t>
    </rPh>
    <rPh sb="7" eb="9">
      <t>クリイレ</t>
    </rPh>
    <rPh sb="9" eb="10">
      <t>キン</t>
    </rPh>
    <phoneticPr fontId="4"/>
  </si>
  <si>
    <t>繰出基準に係る上乗せ繰入</t>
    <rPh sb="0" eb="2">
      <t>クリダシ</t>
    </rPh>
    <rPh sb="2" eb="4">
      <t>キジュン</t>
    </rPh>
    <rPh sb="5" eb="6">
      <t>カカ</t>
    </rPh>
    <rPh sb="7" eb="9">
      <t>ウワノ</t>
    </rPh>
    <rPh sb="10" eb="12">
      <t>クリイレ</t>
    </rPh>
    <phoneticPr fontId="4"/>
  </si>
  <si>
    <t>企業債現在高</t>
    <rPh sb="0" eb="2">
      <t>キギョウ</t>
    </rPh>
    <rPh sb="2" eb="3">
      <t>サイ</t>
    </rPh>
    <rPh sb="3" eb="6">
      <t>ゲンザイダカ</t>
    </rPh>
    <phoneticPr fontId="4"/>
  </si>
  <si>
    <t>総収支比率(%)</t>
    <rPh sb="1" eb="3">
      <t>シュウシ</t>
    </rPh>
    <rPh sb="3" eb="5">
      <t>ヒリツ</t>
    </rPh>
    <phoneticPr fontId="6"/>
  </si>
  <si>
    <t>経常収支比率(%)</t>
    <rPh sb="0" eb="2">
      <t>ケイジョウ</t>
    </rPh>
    <rPh sb="2" eb="4">
      <t>シュウシ</t>
    </rPh>
    <rPh sb="4" eb="6">
      <t>ヒリツ</t>
    </rPh>
    <phoneticPr fontId="4"/>
  </si>
  <si>
    <t>累積欠損金比率(%)</t>
    <rPh sb="0" eb="2">
      <t>ルイセキ</t>
    </rPh>
    <rPh sb="2" eb="5">
      <t>ケッソンキン</t>
    </rPh>
    <rPh sb="5" eb="7">
      <t>ヒリツ</t>
    </rPh>
    <phoneticPr fontId="4"/>
  </si>
  <si>
    <t>普及率(%)</t>
    <rPh sb="0" eb="2">
      <t>フキュウ</t>
    </rPh>
    <rPh sb="2" eb="3">
      <t>リツ</t>
    </rPh>
    <phoneticPr fontId="4"/>
  </si>
  <si>
    <t>有収率(%)</t>
    <rPh sb="0" eb="1">
      <t>ユウ</t>
    </rPh>
    <rPh sb="1" eb="2">
      <t>シュウ</t>
    </rPh>
    <rPh sb="2" eb="3">
      <t>リツ</t>
    </rPh>
    <phoneticPr fontId="4"/>
  </si>
  <si>
    <t>供給単価(円/㎥)</t>
    <phoneticPr fontId="4"/>
  </si>
  <si>
    <t>給水原価(円/㎥)</t>
    <rPh sb="0" eb="2">
      <t>キュウスイ</t>
    </rPh>
    <rPh sb="2" eb="4">
      <t>ゲンカ</t>
    </rPh>
    <phoneticPr fontId="4"/>
  </si>
  <si>
    <t>料金回収率(%)</t>
    <rPh sb="0" eb="2">
      <t>リョウキン</t>
    </rPh>
    <rPh sb="2" eb="5">
      <t>カイシュウリツ</t>
    </rPh>
    <phoneticPr fontId="6"/>
  </si>
  <si>
    <t>　　　　　　　　　　　　団体名
　区分</t>
  </si>
  <si>
    <t>　　　　　　　　　　　団体名
　区分</t>
  </si>
  <si>
    <t>前年度同意債で今年度収入分 (c)</t>
    <rPh sb="0" eb="3">
      <t>ゼンネンド</t>
    </rPh>
    <rPh sb="3" eb="5">
      <t>ドウイ</t>
    </rPh>
    <rPh sb="5" eb="6">
      <t>サイ</t>
    </rPh>
    <rPh sb="7" eb="10">
      <t>コンネンド</t>
    </rPh>
    <rPh sb="10" eb="12">
      <t>シュウニュウ</t>
    </rPh>
    <rPh sb="12" eb="13">
      <t>ブン</t>
    </rPh>
    <phoneticPr fontId="4"/>
  </si>
  <si>
    <t>計 (a)</t>
    <rPh sb="0" eb="1">
      <t>ケイ</t>
    </rPh>
    <phoneticPr fontId="4"/>
  </si>
  <si>
    <t>純計 (a)-{(b)+(c)} (d)</t>
    <rPh sb="0" eb="2">
      <t>ジュンケイ</t>
    </rPh>
    <phoneticPr fontId="4"/>
  </si>
  <si>
    <t>計 (e)</t>
    <rPh sb="0" eb="1">
      <t>ケイ</t>
    </rPh>
    <phoneticPr fontId="4"/>
  </si>
  <si>
    <t>差引
(d)-(e)</t>
    <rPh sb="0" eb="2">
      <t>サシヒキ</t>
    </rPh>
    <phoneticPr fontId="4"/>
  </si>
  <si>
    <t>計 (g)</t>
    <rPh sb="0" eb="1">
      <t>ケイ</t>
    </rPh>
    <phoneticPr fontId="4"/>
  </si>
  <si>
    <t>20㎥当たり(13㎜)</t>
    <rPh sb="2" eb="3">
      <t>ア</t>
    </rPh>
    <phoneticPr fontId="3"/>
  </si>
  <si>
    <t>企業債償還金に係る繰上償還金分</t>
    <rPh sb="0" eb="2">
      <t>キギョウ</t>
    </rPh>
    <rPh sb="2" eb="3">
      <t>サイ</t>
    </rPh>
    <rPh sb="3" eb="6">
      <t>ショウカンキン</t>
    </rPh>
    <rPh sb="7" eb="8">
      <t>カカワ</t>
    </rPh>
    <rPh sb="9" eb="10">
      <t>ク</t>
    </rPh>
    <rPh sb="10" eb="11">
      <t>ア</t>
    </rPh>
    <rPh sb="11" eb="13">
      <t>ショウカン</t>
    </rPh>
    <rPh sb="13" eb="14">
      <t>キン</t>
    </rPh>
    <rPh sb="14" eb="15">
      <t>ブン</t>
    </rPh>
    <phoneticPr fontId="4"/>
  </si>
  <si>
    <t>資本費単価</t>
    <rPh sb="0" eb="2">
      <t>シホン</t>
    </rPh>
    <rPh sb="2" eb="3">
      <t>ヒ</t>
    </rPh>
    <rPh sb="3" eb="5">
      <t>タンカ</t>
    </rPh>
    <phoneticPr fontId="6"/>
  </si>
  <si>
    <t>繰出基準の事由以外の繰入</t>
    <rPh sb="0" eb="2">
      <t>クリダシ</t>
    </rPh>
    <rPh sb="2" eb="4">
      <t>キジュン</t>
    </rPh>
    <rPh sb="5" eb="7">
      <t>ジユウ</t>
    </rPh>
    <rPh sb="7" eb="9">
      <t>イガイ</t>
    </rPh>
    <rPh sb="10" eb="12">
      <t>クリイレ</t>
    </rPh>
    <phoneticPr fontId="4"/>
  </si>
  <si>
    <t>未収金・未収収益</t>
    <rPh sb="0" eb="3">
      <t>ミシュウキン</t>
    </rPh>
    <rPh sb="4" eb="6">
      <t>ミシュウ</t>
    </rPh>
    <rPh sb="6" eb="8">
      <t>シュウエキ</t>
    </rPh>
    <phoneticPr fontId="7"/>
  </si>
  <si>
    <t>未払金・未払費用</t>
    <rPh sb="0" eb="1">
      <t>ミ</t>
    </rPh>
    <rPh sb="1" eb="2">
      <t>バラ</t>
    </rPh>
    <rPh sb="2" eb="3">
      <t>キン</t>
    </rPh>
    <rPh sb="4" eb="6">
      <t>ミバラ</t>
    </rPh>
    <rPh sb="6" eb="8">
      <t>ヒヨウ</t>
    </rPh>
    <phoneticPr fontId="4"/>
  </si>
  <si>
    <t>前受金・前受収益</t>
    <rPh sb="0" eb="3">
      <t>マエウケキン</t>
    </rPh>
    <rPh sb="4" eb="6">
      <t>マエウケ</t>
    </rPh>
    <rPh sb="6" eb="8">
      <t>シュウエキ</t>
    </rPh>
    <phoneticPr fontId="4"/>
  </si>
  <si>
    <t>計</t>
    <phoneticPr fontId="4"/>
  </si>
  <si>
    <t>その他有価証券評価差額金</t>
    <rPh sb="2" eb="3">
      <t>タ</t>
    </rPh>
    <rPh sb="3" eb="5">
      <t>ユウカ</t>
    </rPh>
    <rPh sb="5" eb="7">
      <t>ショウケン</t>
    </rPh>
    <rPh sb="7" eb="9">
      <t>ヒョウカ</t>
    </rPh>
    <rPh sb="9" eb="11">
      <t>サガク</t>
    </rPh>
    <rPh sb="11" eb="12">
      <t>キン</t>
    </rPh>
    <phoneticPr fontId="4"/>
  </si>
  <si>
    <t>財政融資資金</t>
    <rPh sb="0" eb="2">
      <t>ザイセイ</t>
    </rPh>
    <rPh sb="2" eb="4">
      <t>ユウシ</t>
    </rPh>
    <rPh sb="4" eb="6">
      <t>シキン</t>
    </rPh>
    <phoneticPr fontId="4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4"/>
  </si>
  <si>
    <t>長期前受金</t>
    <rPh sb="0" eb="2">
      <t>チョウキ</t>
    </rPh>
    <rPh sb="2" eb="4">
      <t>マエウケ</t>
    </rPh>
    <rPh sb="4" eb="5">
      <t>キン</t>
    </rPh>
    <phoneticPr fontId="4"/>
  </si>
  <si>
    <t>キャッシュ・フロー計算書に関する調</t>
    <rPh sb="9" eb="12">
      <t>ケイサンショ</t>
    </rPh>
    <rPh sb="13" eb="14">
      <t>カン</t>
    </rPh>
    <rPh sb="16" eb="17">
      <t>シラ</t>
    </rPh>
    <phoneticPr fontId="4"/>
  </si>
  <si>
    <t>経営の健全性効率性</t>
    <rPh sb="0" eb="2">
      <t>ケイエイ</t>
    </rPh>
    <rPh sb="3" eb="6">
      <t>ケンゼンセイ</t>
    </rPh>
    <rPh sb="6" eb="9">
      <t>コウリツセイ</t>
    </rPh>
    <phoneticPr fontId="4"/>
  </si>
  <si>
    <t>老朽化の状況</t>
    <rPh sb="0" eb="3">
      <t>ロウキュウカ</t>
    </rPh>
    <rPh sb="4" eb="6">
      <t>ジョウキョウ</t>
    </rPh>
    <phoneticPr fontId="3"/>
  </si>
  <si>
    <t>流動比率(%)</t>
    <rPh sb="0" eb="2">
      <t>リュウドウ</t>
    </rPh>
    <rPh sb="2" eb="4">
      <t>ヒリツ</t>
    </rPh>
    <phoneticPr fontId="3"/>
  </si>
  <si>
    <t>施設利用率(%)</t>
    <rPh sb="0" eb="2">
      <t>シセツ</t>
    </rPh>
    <rPh sb="2" eb="5">
      <t>リヨウリツ</t>
    </rPh>
    <phoneticPr fontId="3"/>
  </si>
  <si>
    <t>管路経年化率(%)</t>
    <rPh sb="0" eb="2">
      <t>カンロ</t>
    </rPh>
    <rPh sb="2" eb="5">
      <t>ケイネンカ</t>
    </rPh>
    <rPh sb="5" eb="6">
      <t>リツ</t>
    </rPh>
    <phoneticPr fontId="3"/>
  </si>
  <si>
    <t>管路更新率(%)</t>
    <rPh sb="0" eb="2">
      <t>カンロ</t>
    </rPh>
    <rPh sb="2" eb="4">
      <t>コウシン</t>
    </rPh>
    <rPh sb="4" eb="5">
      <t>リツ</t>
    </rPh>
    <phoneticPr fontId="3"/>
  </si>
  <si>
    <t xml:space="preserve">経常損失　　 〃 </t>
    <phoneticPr fontId="3"/>
  </si>
  <si>
    <t>純損失　　　〃</t>
    <phoneticPr fontId="3"/>
  </si>
  <si>
    <t>減価償却累計額</t>
    <rPh sb="6" eb="7">
      <t>ガク</t>
    </rPh>
    <phoneticPr fontId="3"/>
  </si>
  <si>
    <t>うちリース資産減価償却累計額</t>
    <rPh sb="5" eb="7">
      <t>シサン</t>
    </rPh>
    <rPh sb="7" eb="9">
      <t>ゲンカ</t>
    </rPh>
    <rPh sb="9" eb="11">
      <t>ショウキャク</t>
    </rPh>
    <rPh sb="11" eb="13">
      <t>ルイケイ</t>
    </rPh>
    <rPh sb="13" eb="14">
      <t>ガク</t>
    </rPh>
    <phoneticPr fontId="4"/>
  </si>
  <si>
    <t>貸倒引当金</t>
    <rPh sb="0" eb="1">
      <t>カ</t>
    </rPh>
    <rPh sb="1" eb="2">
      <t>タオ</t>
    </rPh>
    <rPh sb="2" eb="4">
      <t>ヒキアテ</t>
    </rPh>
    <rPh sb="4" eb="5">
      <t>キン</t>
    </rPh>
    <phoneticPr fontId="4"/>
  </si>
  <si>
    <t>長期前受金収益化累計額</t>
    <rPh sb="0" eb="2">
      <t>チョウキ</t>
    </rPh>
    <rPh sb="2" eb="5">
      <t>マエウケキン</t>
    </rPh>
    <rPh sb="5" eb="8">
      <t>シュウエキカ</t>
    </rPh>
    <rPh sb="8" eb="10">
      <t>ルイケイ</t>
    </rPh>
    <rPh sb="10" eb="11">
      <t>ガク</t>
    </rPh>
    <phoneticPr fontId="4"/>
  </si>
  <si>
    <t>当年度未処理欠損金</t>
    <phoneticPr fontId="3"/>
  </si>
  <si>
    <t>当年度純損失</t>
    <phoneticPr fontId="4"/>
  </si>
  <si>
    <t>経常損失</t>
    <phoneticPr fontId="4"/>
  </si>
  <si>
    <t>不足額(f)</t>
    <rPh sb="0" eb="2">
      <t>フソク</t>
    </rPh>
    <rPh sb="2" eb="3">
      <t>ガク</t>
    </rPh>
    <phoneticPr fontId="4"/>
  </si>
  <si>
    <t>補てん財源不足額(f)-(g)</t>
    <rPh sb="0" eb="1">
      <t>ホ</t>
    </rPh>
    <rPh sb="3" eb="5">
      <t>ザイゲン</t>
    </rPh>
    <rPh sb="5" eb="7">
      <t>フソク</t>
    </rPh>
    <rPh sb="7" eb="8">
      <t>ガク</t>
    </rPh>
    <phoneticPr fontId="4"/>
  </si>
  <si>
    <t>企業債残高対給水収益比率(%)</t>
    <rPh sb="0" eb="2">
      <t>キギョウ</t>
    </rPh>
    <rPh sb="2" eb="3">
      <t>サイ</t>
    </rPh>
    <rPh sb="3" eb="5">
      <t>ザンダカ</t>
    </rPh>
    <rPh sb="5" eb="6">
      <t>タイ</t>
    </rPh>
    <rPh sb="6" eb="8">
      <t>キュウスイ</t>
    </rPh>
    <rPh sb="8" eb="10">
      <t>シュウエキ</t>
    </rPh>
    <rPh sb="10" eb="12">
      <t>ヒリツ</t>
    </rPh>
    <phoneticPr fontId="3"/>
  </si>
  <si>
    <t>有形固定資減価償却率(%)</t>
    <rPh sb="0" eb="2">
      <t>ユウケイ</t>
    </rPh>
    <rPh sb="2" eb="4">
      <t>コテイ</t>
    </rPh>
    <rPh sb="4" eb="5">
      <t>シ</t>
    </rPh>
    <rPh sb="5" eb="7">
      <t>ゲンカ</t>
    </rPh>
    <rPh sb="7" eb="9">
      <t>ショウキャク</t>
    </rPh>
    <rPh sb="9" eb="10">
      <t>リツ</t>
    </rPh>
    <phoneticPr fontId="3"/>
  </si>
  <si>
    <t>東秩父村</t>
  </si>
  <si>
    <t>東秩父村</t>
    <rPh sb="0" eb="4">
      <t>ヒガシチチブムラ</t>
    </rPh>
    <phoneticPr fontId="4"/>
  </si>
  <si>
    <t>S37.07.24</t>
  </si>
  <si>
    <t>S38.04.01</t>
  </si>
  <si>
    <t>R04.04.01</t>
  </si>
  <si>
    <t>無</t>
  </si>
  <si>
    <t>○</t>
  </si>
  <si>
    <t>R01.11.0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0">
    <numFmt numFmtId="176" formatCode="#,##0_ ;&quot;△ &quot;#,##0_ "/>
    <numFmt numFmtId="177" formatCode="#,##0_ ;[Red]\-#,##0\ "/>
    <numFmt numFmtId="178" formatCode="#,##0.00_ ;&quot;△ &quot;#,##0.00_ "/>
    <numFmt numFmtId="179" formatCode="#,##0.0_ ;&quot;▲ &quot;#,##0.0_ "/>
    <numFmt numFmtId="180" formatCode="#,##0.0_);[Red]\(#,##0.0\)"/>
    <numFmt numFmtId="181" formatCode="#,##0;&quot;▲ &quot;#,##0"/>
    <numFmt numFmtId="182" formatCode="#,##0;&quot;△ &quot;#,##0"/>
    <numFmt numFmtId="183" formatCode="#,##0_ ;&quot;▲ &quot;#,##0_ "/>
    <numFmt numFmtId="184" formatCode="\▲0;0;0"/>
    <numFmt numFmtId="185" formatCode="&quot;▲&quot;#,##0_ ;#,##0_ "/>
  </numFmts>
  <fonts count="17">
    <font>
      <sz val="12"/>
      <color theme="1"/>
      <name val="ＭＳ 明朝"/>
      <family val="2"/>
      <charset val="128"/>
    </font>
    <font>
      <sz val="11"/>
      <color theme="1"/>
      <name val="ＭＳ Ｐゴシック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ゴシック"/>
      <family val="3"/>
      <charset val="128"/>
    </font>
    <font>
      <sz val="12"/>
      <name val="ＭＳ ゴシック"/>
      <family val="3"/>
      <charset val="128"/>
    </font>
    <font>
      <sz val="7"/>
      <name val="ＭＳ Ｐ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7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2"/>
      <name val="ＭＳ 明朝"/>
      <family val="1"/>
      <charset val="128"/>
    </font>
    <font>
      <sz val="9"/>
      <name val="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9"/>
      <color indexed="81"/>
      <name val="MS P ゴシック"/>
      <family val="3"/>
      <charset val="128"/>
    </font>
    <font>
      <b/>
      <sz val="9"/>
      <color indexed="81"/>
      <name val="MS P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6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</borders>
  <cellStyleXfs count="10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0" fontId="10" fillId="0" borderId="0">
      <alignment vertical="center"/>
    </xf>
    <xf numFmtId="182" fontId="12" fillId="0" borderId="0"/>
    <xf numFmtId="9" fontId="13" fillId="0" borderId="0" applyFont="0" applyFill="0" applyBorder="0" applyAlignment="0" applyProtection="0">
      <alignment vertical="center"/>
    </xf>
    <xf numFmtId="38" fontId="11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10" fillId="0" borderId="0">
      <alignment vertical="center"/>
    </xf>
    <xf numFmtId="0" fontId="14" fillId="0" borderId="0">
      <alignment vertical="center"/>
    </xf>
    <xf numFmtId="0" fontId="1" fillId="0" borderId="0">
      <alignment vertical="center"/>
    </xf>
  </cellStyleXfs>
  <cellXfs count="144">
    <xf numFmtId="0" fontId="0" fillId="0" borderId="0" xfId="0">
      <alignment vertical="center"/>
    </xf>
    <xf numFmtId="0" fontId="9" fillId="0" borderId="2" xfId="0" applyFont="1" applyBorder="1" applyAlignment="1">
      <alignment vertical="center" wrapText="1"/>
    </xf>
    <xf numFmtId="38" fontId="9" fillId="0" borderId="1" xfId="1" applyFont="1" applyFill="1" applyBorder="1" applyAlignment="1">
      <alignment horizontal="center" vertical="center"/>
    </xf>
    <xf numFmtId="0" fontId="9" fillId="2" borderId="3" xfId="0" applyFont="1" applyFill="1" applyBorder="1" applyAlignment="1">
      <alignment horizontal="center" vertical="center"/>
    </xf>
    <xf numFmtId="38" fontId="9" fillId="0" borderId="30" xfId="1" applyFont="1" applyFill="1" applyBorder="1" applyAlignment="1">
      <alignment horizontal="center" vertical="center"/>
    </xf>
    <xf numFmtId="0" fontId="9" fillId="0" borderId="7" xfId="0" applyFont="1" applyBorder="1" applyAlignment="1">
      <alignment horizontal="left" vertical="center"/>
    </xf>
    <xf numFmtId="0" fontId="9" fillId="0" borderId="3" xfId="0" applyFont="1" applyBorder="1" applyAlignment="1">
      <alignment horizontal="left" vertical="center"/>
    </xf>
    <xf numFmtId="176" fontId="9" fillId="0" borderId="31" xfId="1" applyNumberFormat="1" applyFont="1" applyFill="1" applyBorder="1" applyAlignment="1">
      <alignment horizontal="center" vertical="center"/>
    </xf>
    <xf numFmtId="176" fontId="9" fillId="0" borderId="32" xfId="1" applyNumberFormat="1" applyFont="1" applyFill="1" applyBorder="1" applyAlignment="1">
      <alignment horizontal="center" vertical="center"/>
    </xf>
    <xf numFmtId="177" fontId="9" fillId="0" borderId="32" xfId="1" applyNumberFormat="1" applyFont="1" applyFill="1" applyBorder="1" applyAlignment="1">
      <alignment horizontal="center" vertical="center"/>
    </xf>
    <xf numFmtId="176" fontId="9" fillId="0" borderId="32" xfId="1" applyNumberFormat="1" applyFont="1" applyFill="1" applyBorder="1" applyAlignment="1">
      <alignment horizontal="right" vertical="center"/>
    </xf>
    <xf numFmtId="178" fontId="9" fillId="0" borderId="32" xfId="1" applyNumberFormat="1" applyFont="1" applyFill="1" applyBorder="1" applyAlignment="1">
      <alignment horizontal="right" vertical="center"/>
    </xf>
    <xf numFmtId="0" fontId="9" fillId="0" borderId="7" xfId="0" applyFont="1" applyBorder="1">
      <alignment vertical="center"/>
    </xf>
    <xf numFmtId="0" fontId="9" fillId="0" borderId="3" xfId="0" applyFont="1" applyBorder="1">
      <alignment vertical="center"/>
    </xf>
    <xf numFmtId="0" fontId="9" fillId="0" borderId="20" xfId="0" applyFont="1" applyBorder="1">
      <alignment vertical="center"/>
    </xf>
    <xf numFmtId="0" fontId="9" fillId="0" borderId="20" xfId="0" quotePrefix="1" applyFont="1" applyBorder="1">
      <alignment vertical="center"/>
    </xf>
    <xf numFmtId="0" fontId="9" fillId="0" borderId="21" xfId="0" applyFont="1" applyBorder="1">
      <alignment vertical="center"/>
    </xf>
    <xf numFmtId="0" fontId="9" fillId="0" borderId="23" xfId="0" applyFont="1" applyBorder="1">
      <alignment vertical="center"/>
    </xf>
    <xf numFmtId="0" fontId="9" fillId="0" borderId="0" xfId="0" applyFont="1">
      <alignment vertical="center"/>
    </xf>
    <xf numFmtId="0" fontId="9" fillId="2" borderId="1" xfId="0" applyFont="1" applyFill="1" applyBorder="1" applyAlignment="1">
      <alignment horizontal="center" vertical="center"/>
    </xf>
    <xf numFmtId="0" fontId="9" fillId="0" borderId="36" xfId="0" applyFont="1" applyBorder="1">
      <alignment vertical="center"/>
    </xf>
    <xf numFmtId="0" fontId="9" fillId="0" borderId="37" xfId="0" applyFont="1" applyBorder="1">
      <alignment vertical="center"/>
    </xf>
    <xf numFmtId="0" fontId="9" fillId="0" borderId="38" xfId="0" applyFont="1" applyBorder="1">
      <alignment vertical="center"/>
    </xf>
    <xf numFmtId="0" fontId="9" fillId="0" borderId="39" xfId="0" applyFont="1" applyBorder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30" xfId="0" applyFont="1" applyBorder="1" applyAlignment="1">
      <alignment horizontal="center" vertical="center"/>
    </xf>
    <xf numFmtId="0" fontId="9" fillId="0" borderId="2" xfId="0" applyFont="1" applyBorder="1" applyAlignment="1">
      <alignment horizontal="left" vertical="center"/>
    </xf>
    <xf numFmtId="0" fontId="9" fillId="0" borderId="39" xfId="0" applyFont="1" applyBorder="1" applyAlignment="1">
      <alignment horizontal="left" vertical="center"/>
    </xf>
    <xf numFmtId="0" fontId="9" fillId="0" borderId="16" xfId="0" applyFont="1" applyBorder="1">
      <alignment vertical="center"/>
    </xf>
    <xf numFmtId="0" fontId="9" fillId="0" borderId="48" xfId="0" applyFont="1" applyBorder="1">
      <alignment vertical="center"/>
    </xf>
    <xf numFmtId="0" fontId="9" fillId="0" borderId="7" xfId="0" applyFont="1" applyBorder="1" applyAlignment="1">
      <alignment horizontal="center" vertical="center"/>
    </xf>
    <xf numFmtId="0" fontId="9" fillId="0" borderId="21" xfId="0" applyFont="1" applyBorder="1" applyAlignment="1">
      <alignment horizontal="center" vertical="center" textRotation="255"/>
    </xf>
    <xf numFmtId="0" fontId="9" fillId="0" borderId="23" xfId="0" applyFont="1" applyBorder="1" applyAlignment="1">
      <alignment horizontal="center" vertical="center" textRotation="255"/>
    </xf>
    <xf numFmtId="0" fontId="9" fillId="0" borderId="40" xfId="0" applyFont="1" applyBorder="1">
      <alignment vertical="center"/>
    </xf>
    <xf numFmtId="0" fontId="9" fillId="0" borderId="3" xfId="0" applyFont="1" applyBorder="1" applyAlignment="1">
      <alignment horizontal="center" vertical="center"/>
    </xf>
    <xf numFmtId="0" fontId="9" fillId="0" borderId="21" xfId="0" applyFont="1" applyBorder="1" applyAlignment="1">
      <alignment horizontal="left" vertical="center"/>
    </xf>
    <xf numFmtId="179" fontId="9" fillId="0" borderId="32" xfId="1" applyNumberFormat="1" applyFont="1" applyFill="1" applyBorder="1" applyAlignment="1">
      <alignment horizontal="right" vertical="center"/>
    </xf>
    <xf numFmtId="180" fontId="9" fillId="0" borderId="32" xfId="1" applyNumberFormat="1" applyFont="1" applyFill="1" applyBorder="1" applyAlignment="1">
      <alignment horizontal="right" vertical="center"/>
    </xf>
    <xf numFmtId="0" fontId="9" fillId="0" borderId="20" xfId="0" applyFont="1" applyBorder="1" applyAlignment="1">
      <alignment horizontal="left" vertical="center"/>
    </xf>
    <xf numFmtId="180" fontId="9" fillId="0" borderId="33" xfId="1" applyNumberFormat="1" applyFont="1" applyFill="1" applyBorder="1" applyAlignment="1">
      <alignment horizontal="right" vertical="center"/>
    </xf>
    <xf numFmtId="181" fontId="9" fillId="0" borderId="0" xfId="1" applyNumberFormat="1" applyFont="1" applyAlignment="1">
      <alignment vertical="center"/>
    </xf>
    <xf numFmtId="0" fontId="9" fillId="0" borderId="10" xfId="0" quotePrefix="1" applyFont="1" applyBorder="1">
      <alignment vertical="center"/>
    </xf>
    <xf numFmtId="0" fontId="9" fillId="0" borderId="45" xfId="0" applyFont="1" applyBorder="1" applyAlignment="1">
      <alignment horizontal="left" vertical="center"/>
    </xf>
    <xf numFmtId="183" fontId="9" fillId="0" borderId="31" xfId="1" applyNumberFormat="1" applyFont="1" applyFill="1" applyBorder="1" applyAlignment="1">
      <alignment horizontal="right" vertical="center"/>
    </xf>
    <xf numFmtId="183" fontId="9" fillId="0" borderId="32" xfId="1" applyNumberFormat="1" applyFont="1" applyFill="1" applyBorder="1" applyAlignment="1">
      <alignment horizontal="right" vertical="center"/>
    </xf>
    <xf numFmtId="183" fontId="9" fillId="0" borderId="33" xfId="1" applyNumberFormat="1" applyFont="1" applyFill="1" applyBorder="1" applyAlignment="1">
      <alignment horizontal="right" vertical="center"/>
    </xf>
    <xf numFmtId="183" fontId="9" fillId="0" borderId="44" xfId="1" applyNumberFormat="1" applyFont="1" applyFill="1" applyBorder="1" applyAlignment="1">
      <alignment horizontal="right" vertical="center"/>
    </xf>
    <xf numFmtId="183" fontId="9" fillId="0" borderId="50" xfId="1" applyNumberFormat="1" applyFont="1" applyFill="1" applyBorder="1" applyAlignment="1">
      <alignment horizontal="right" vertical="center"/>
    </xf>
    <xf numFmtId="183" fontId="9" fillId="0" borderId="49" xfId="1" applyNumberFormat="1" applyFont="1" applyFill="1" applyBorder="1" applyAlignment="1">
      <alignment horizontal="right" vertical="center"/>
    </xf>
    <xf numFmtId="0" fontId="9" fillId="0" borderId="10" xfId="0" applyFont="1" applyBorder="1" applyAlignment="1">
      <alignment horizontal="left" vertical="center"/>
    </xf>
    <xf numFmtId="0" fontId="9" fillId="0" borderId="10" xfId="0" applyFont="1" applyBorder="1">
      <alignment vertical="center"/>
    </xf>
    <xf numFmtId="0" fontId="9" fillId="0" borderId="6" xfId="0" applyFont="1" applyBorder="1">
      <alignment vertical="center"/>
    </xf>
    <xf numFmtId="0" fontId="9" fillId="0" borderId="29" xfId="0" applyFont="1" applyBorder="1">
      <alignment vertical="center"/>
    </xf>
    <xf numFmtId="0" fontId="9" fillId="0" borderId="58" xfId="0" applyFont="1" applyBorder="1">
      <alignment vertical="center"/>
    </xf>
    <xf numFmtId="0" fontId="9" fillId="0" borderId="34" xfId="0" applyFont="1" applyBorder="1" applyAlignment="1">
      <alignment horizontal="center" vertical="center"/>
    </xf>
    <xf numFmtId="0" fontId="9" fillId="0" borderId="58" xfId="0" applyFont="1" applyBorder="1" applyAlignment="1">
      <alignment horizontal="left" vertical="center"/>
    </xf>
    <xf numFmtId="0" fontId="9" fillId="0" borderId="9" xfId="0" applyFont="1" applyBorder="1" applyAlignment="1">
      <alignment horizontal="left" vertical="center"/>
    </xf>
    <xf numFmtId="183" fontId="9" fillId="0" borderId="0" xfId="1" applyNumberFormat="1" applyFont="1" applyFill="1" applyBorder="1" applyAlignment="1">
      <alignment horizontal="right" vertical="center"/>
    </xf>
    <xf numFmtId="0" fontId="9" fillId="0" borderId="43" xfId="0" applyFont="1" applyBorder="1">
      <alignment vertical="center"/>
    </xf>
    <xf numFmtId="0" fontId="9" fillId="0" borderId="59" xfId="0" applyFont="1" applyBorder="1">
      <alignment vertical="center"/>
    </xf>
    <xf numFmtId="0" fontId="4" fillId="0" borderId="12" xfId="0" applyFont="1" applyBorder="1">
      <alignment vertical="center"/>
    </xf>
    <xf numFmtId="0" fontId="9" fillId="0" borderId="12" xfId="0" applyFont="1" applyBorder="1">
      <alignment vertical="center"/>
    </xf>
    <xf numFmtId="179" fontId="9" fillId="0" borderId="32" xfId="0" applyNumberFormat="1" applyFont="1" applyBorder="1">
      <alignment vertical="center"/>
    </xf>
    <xf numFmtId="184" fontId="9" fillId="0" borderId="32" xfId="1" applyNumberFormat="1" applyFont="1" applyFill="1" applyBorder="1" applyAlignment="1">
      <alignment horizontal="right" vertical="center"/>
    </xf>
    <xf numFmtId="185" fontId="9" fillId="0" borderId="32" xfId="1" applyNumberFormat="1" applyFont="1" applyFill="1" applyBorder="1" applyAlignment="1">
      <alignment horizontal="right" vertical="center"/>
    </xf>
    <xf numFmtId="185" fontId="9" fillId="0" borderId="33" xfId="1" applyNumberFormat="1" applyFont="1" applyFill="1" applyBorder="1" applyAlignment="1">
      <alignment horizontal="right" vertical="center"/>
    </xf>
    <xf numFmtId="0" fontId="9" fillId="0" borderId="15" xfId="0" applyFont="1" applyBorder="1">
      <alignment vertical="center"/>
    </xf>
    <xf numFmtId="0" fontId="9" fillId="0" borderId="29" xfId="0" applyFont="1" applyBorder="1" applyAlignment="1">
      <alignment horizontal="left" vertical="center"/>
    </xf>
    <xf numFmtId="0" fontId="9" fillId="0" borderId="27" xfId="0" applyFont="1" applyBorder="1" applyAlignment="1">
      <alignment horizontal="left" vertical="center"/>
    </xf>
    <xf numFmtId="0" fontId="9" fillId="0" borderId="28" xfId="0" applyFont="1" applyBorder="1" applyAlignment="1">
      <alignment horizontal="left" vertical="center"/>
    </xf>
    <xf numFmtId="0" fontId="9" fillId="0" borderId="33" xfId="0" applyFont="1" applyBorder="1" applyAlignment="1">
      <alignment horizontal="left" vertical="center"/>
    </xf>
    <xf numFmtId="0" fontId="9" fillId="0" borderId="42" xfId="0" applyFont="1" applyBorder="1" applyAlignment="1">
      <alignment horizontal="center" vertical="center" textRotation="255"/>
    </xf>
    <xf numFmtId="0" fontId="9" fillId="0" borderId="36" xfId="0" applyFont="1" applyBorder="1" applyAlignment="1">
      <alignment horizontal="center" vertical="center" textRotation="255"/>
    </xf>
    <xf numFmtId="0" fontId="9" fillId="0" borderId="38" xfId="0" applyFont="1" applyBorder="1" applyAlignment="1">
      <alignment horizontal="center" vertical="center" textRotation="255"/>
    </xf>
    <xf numFmtId="0" fontId="9" fillId="0" borderId="11" xfId="0" applyFont="1" applyBorder="1" applyAlignment="1">
      <alignment horizontal="center" vertical="center" textRotation="255"/>
    </xf>
    <xf numFmtId="0" fontId="9" fillId="0" borderId="13" xfId="0" applyFont="1" applyBorder="1" applyAlignment="1">
      <alignment horizontal="center" vertical="center" textRotation="255"/>
    </xf>
    <xf numFmtId="0" fontId="9" fillId="0" borderId="17" xfId="0" applyFont="1" applyBorder="1" applyAlignment="1">
      <alignment horizontal="center" vertical="center" textRotation="255"/>
    </xf>
    <xf numFmtId="0" fontId="9" fillId="0" borderId="18" xfId="0" applyFont="1" applyBorder="1" applyAlignment="1">
      <alignment horizontal="center" vertical="center" wrapText="1"/>
    </xf>
    <xf numFmtId="0" fontId="9" fillId="0" borderId="19" xfId="0" applyFont="1" applyBorder="1" applyAlignment="1">
      <alignment horizontal="center" vertical="center" wrapText="1"/>
    </xf>
    <xf numFmtId="0" fontId="9" fillId="0" borderId="21" xfId="0" applyFont="1" applyBorder="1" applyAlignment="1">
      <alignment horizontal="center" vertical="center" wrapText="1"/>
    </xf>
    <xf numFmtId="0" fontId="9" fillId="0" borderId="22" xfId="0" applyFont="1" applyBorder="1" applyAlignment="1">
      <alignment horizontal="center" vertical="center" wrapText="1"/>
    </xf>
    <xf numFmtId="0" fontId="9" fillId="0" borderId="23" xfId="0" applyFont="1" applyBorder="1" applyAlignment="1">
      <alignment horizontal="center" vertical="center" wrapText="1"/>
    </xf>
    <xf numFmtId="0" fontId="9" fillId="0" borderId="24" xfId="0" applyFont="1" applyBorder="1" applyAlignment="1">
      <alignment horizontal="center" vertical="center" wrapText="1"/>
    </xf>
    <xf numFmtId="0" fontId="9" fillId="0" borderId="12" xfId="0" applyFont="1" applyBorder="1" applyAlignment="1">
      <alignment horizontal="left" vertical="center"/>
    </xf>
    <xf numFmtId="0" fontId="9" fillId="0" borderId="9" xfId="0" applyFont="1" applyBorder="1" applyAlignment="1">
      <alignment horizontal="left" vertical="center"/>
    </xf>
    <xf numFmtId="0" fontId="9" fillId="0" borderId="10" xfId="0" applyFont="1" applyBorder="1" applyAlignment="1">
      <alignment horizontal="left" vertical="center"/>
    </xf>
    <xf numFmtId="0" fontId="9" fillId="0" borderId="12" xfId="0" quotePrefix="1" applyFont="1" applyBorder="1" applyAlignment="1">
      <alignment horizontal="left" vertical="center"/>
    </xf>
    <xf numFmtId="0" fontId="9" fillId="0" borderId="11" xfId="0" applyFont="1" applyBorder="1" applyAlignment="1">
      <alignment horizontal="center" vertical="center" textRotation="255" wrapText="1"/>
    </xf>
    <xf numFmtId="0" fontId="9" fillId="0" borderId="18" xfId="0" applyFont="1" applyBorder="1" applyAlignment="1">
      <alignment horizontal="left" vertical="center"/>
    </xf>
    <xf numFmtId="0" fontId="9" fillId="0" borderId="25" xfId="0" applyFont="1" applyBorder="1" applyAlignment="1">
      <alignment horizontal="left" vertical="center"/>
    </xf>
    <xf numFmtId="0" fontId="9" fillId="0" borderId="26" xfId="0" applyFont="1" applyBorder="1" applyAlignment="1">
      <alignment horizontal="left" vertical="center"/>
    </xf>
    <xf numFmtId="0" fontId="9" fillId="0" borderId="8" xfId="0" applyFont="1" applyBorder="1" applyAlignment="1">
      <alignment horizontal="center" vertical="center" wrapText="1"/>
    </xf>
    <xf numFmtId="0" fontId="9" fillId="0" borderId="9" xfId="0" applyFont="1" applyBorder="1" applyAlignment="1">
      <alignment horizontal="center" vertical="center" wrapText="1"/>
    </xf>
    <xf numFmtId="0" fontId="9" fillId="0" borderId="51" xfId="0" applyFont="1" applyBorder="1" applyAlignment="1">
      <alignment horizontal="center" vertical="center" wrapText="1"/>
    </xf>
    <xf numFmtId="0" fontId="9" fillId="0" borderId="52" xfId="0" applyFont="1" applyBorder="1" applyAlignment="1">
      <alignment vertical="center" wrapText="1"/>
    </xf>
    <xf numFmtId="0" fontId="0" fillId="0" borderId="53" xfId="0" applyBorder="1">
      <alignment vertical="center"/>
    </xf>
    <xf numFmtId="0" fontId="0" fillId="0" borderId="54" xfId="0" applyBorder="1">
      <alignment vertical="center"/>
    </xf>
    <xf numFmtId="0" fontId="0" fillId="0" borderId="55" xfId="0" applyBorder="1">
      <alignment vertical="center"/>
    </xf>
    <xf numFmtId="0" fontId="0" fillId="0" borderId="56" xfId="0" applyBorder="1">
      <alignment vertical="center"/>
    </xf>
    <xf numFmtId="0" fontId="0" fillId="0" borderId="57" xfId="0" applyBorder="1">
      <alignment vertical="center"/>
    </xf>
    <xf numFmtId="0" fontId="9" fillId="0" borderId="9" xfId="0" quotePrefix="1" applyFont="1" applyBorder="1" applyAlignment="1">
      <alignment horizontal="left" vertical="center"/>
    </xf>
    <xf numFmtId="0" fontId="9" fillId="0" borderId="10" xfId="0" quotePrefix="1" applyFont="1" applyBorder="1" applyAlignment="1">
      <alignment horizontal="left" vertical="center"/>
    </xf>
    <xf numFmtId="0" fontId="9" fillId="0" borderId="4" xfId="0" applyFont="1" applyBorder="1" applyAlignment="1">
      <alignment horizontal="left" vertical="center"/>
    </xf>
    <xf numFmtId="0" fontId="9" fillId="0" borderId="5" xfId="0" applyFont="1" applyBorder="1" applyAlignment="1">
      <alignment horizontal="left" vertical="center"/>
    </xf>
    <xf numFmtId="0" fontId="9" fillId="0" borderId="6" xfId="0" applyFont="1" applyBorder="1" applyAlignment="1">
      <alignment horizontal="left" vertical="center"/>
    </xf>
    <xf numFmtId="0" fontId="9" fillId="0" borderId="8" xfId="0" applyFont="1" applyBorder="1" applyAlignment="1">
      <alignment horizontal="left" vertical="center"/>
    </xf>
    <xf numFmtId="0" fontId="9" fillId="0" borderId="42" xfId="0" applyFont="1" applyBorder="1" applyAlignment="1">
      <alignment horizontal="left" vertical="center"/>
    </xf>
    <xf numFmtId="0" fontId="9" fillId="0" borderId="27" xfId="0" applyFont="1" applyBorder="1" applyAlignment="1">
      <alignment horizontal="left" vertical="center"/>
    </xf>
    <xf numFmtId="0" fontId="9" fillId="0" borderId="28" xfId="0" applyFont="1" applyBorder="1" applyAlignment="1">
      <alignment horizontal="left" vertical="center"/>
    </xf>
    <xf numFmtId="0" fontId="9" fillId="0" borderId="29" xfId="0" applyFont="1" applyBorder="1" applyAlignment="1">
      <alignment horizontal="left" vertical="center"/>
    </xf>
    <xf numFmtId="0" fontId="9" fillId="0" borderId="44" xfId="0" applyFont="1" applyBorder="1" applyAlignment="1">
      <alignment horizontal="left" vertical="center"/>
    </xf>
    <xf numFmtId="0" fontId="9" fillId="0" borderId="60" xfId="0" quotePrefix="1" applyFont="1" applyBorder="1" applyAlignment="1">
      <alignment horizontal="left" vertical="center"/>
    </xf>
    <xf numFmtId="0" fontId="9" fillId="0" borderId="38" xfId="0" applyFont="1" applyBorder="1" applyAlignment="1">
      <alignment horizontal="left" vertical="center"/>
    </xf>
    <xf numFmtId="0" fontId="9" fillId="0" borderId="40" xfId="0" applyFont="1" applyBorder="1" applyAlignment="1">
      <alignment horizontal="left" vertical="center"/>
    </xf>
    <xf numFmtId="0" fontId="9" fillId="0" borderId="41" xfId="0" applyFont="1" applyBorder="1" applyAlignment="1">
      <alignment horizontal="left" vertical="center"/>
    </xf>
    <xf numFmtId="0" fontId="9" fillId="0" borderId="18" xfId="0" quotePrefix="1" applyFont="1" applyBorder="1" applyAlignment="1">
      <alignment horizontal="left" vertical="center"/>
    </xf>
    <xf numFmtId="0" fontId="9" fillId="0" borderId="36" xfId="0" applyFont="1" applyBorder="1" applyAlignment="1">
      <alignment horizontal="left" vertical="center"/>
    </xf>
    <xf numFmtId="0" fontId="9" fillId="0" borderId="0" xfId="0" applyFont="1" applyAlignment="1">
      <alignment horizontal="left" vertical="center"/>
    </xf>
    <xf numFmtId="0" fontId="9" fillId="0" borderId="39" xfId="0" applyFont="1" applyBorder="1" applyAlignment="1">
      <alignment horizontal="left" vertical="center"/>
    </xf>
    <xf numFmtId="0" fontId="9" fillId="0" borderId="34" xfId="0" applyFont="1" applyBorder="1" applyAlignment="1">
      <alignment horizontal="left" vertical="center"/>
    </xf>
    <xf numFmtId="0" fontId="9" fillId="0" borderId="35" xfId="0" applyFont="1" applyBorder="1" applyAlignment="1">
      <alignment horizontal="left" vertical="center"/>
    </xf>
    <xf numFmtId="0" fontId="9" fillId="0" borderId="2" xfId="0" applyFont="1" applyBorder="1" applyAlignment="1">
      <alignment horizontal="left" vertical="center"/>
    </xf>
    <xf numFmtId="0" fontId="9" fillId="0" borderId="12" xfId="0" applyFont="1" applyBorder="1" applyAlignment="1">
      <alignment horizontal="left" vertical="center" shrinkToFit="1"/>
    </xf>
    <xf numFmtId="0" fontId="9" fillId="0" borderId="9" xfId="0" applyFont="1" applyBorder="1" applyAlignment="1">
      <alignment horizontal="left" vertical="center" shrinkToFit="1"/>
    </xf>
    <xf numFmtId="0" fontId="9" fillId="0" borderId="10" xfId="0" applyFont="1" applyBorder="1" applyAlignment="1">
      <alignment horizontal="left" vertical="center" shrinkToFit="1"/>
    </xf>
    <xf numFmtId="0" fontId="9" fillId="0" borderId="14" xfId="0" applyFont="1" applyBorder="1" applyAlignment="1">
      <alignment horizontal="center" vertical="center" textRotation="255"/>
    </xf>
    <xf numFmtId="0" fontId="9" fillId="0" borderId="15" xfId="0" applyFont="1" applyBorder="1" applyAlignment="1">
      <alignment horizontal="center" vertical="center" textRotation="255"/>
    </xf>
    <xf numFmtId="0" fontId="9" fillId="0" borderId="16" xfId="0" applyFont="1" applyBorder="1" applyAlignment="1">
      <alignment horizontal="center" vertical="center" textRotation="255"/>
    </xf>
    <xf numFmtId="0" fontId="9" fillId="0" borderId="46" xfId="0" applyFont="1" applyBorder="1" applyAlignment="1">
      <alignment horizontal="center" vertical="center" textRotation="255"/>
    </xf>
    <xf numFmtId="0" fontId="9" fillId="0" borderId="47" xfId="0" applyFont="1" applyBorder="1" applyAlignment="1">
      <alignment horizontal="left" vertical="center"/>
    </xf>
    <xf numFmtId="0" fontId="9" fillId="0" borderId="8" xfId="0" applyFont="1" applyBorder="1" applyAlignment="1">
      <alignment horizontal="left" vertical="center" shrinkToFit="1"/>
    </xf>
    <xf numFmtId="0" fontId="9" fillId="0" borderId="42" xfId="0" applyFont="1" applyBorder="1" applyAlignment="1">
      <alignment horizontal="center" vertical="center" wrapText="1"/>
    </xf>
    <xf numFmtId="0" fontId="9" fillId="0" borderId="25" xfId="0" applyFont="1" applyBorder="1" applyAlignment="1">
      <alignment horizontal="center" vertical="center"/>
    </xf>
    <xf numFmtId="0" fontId="9" fillId="0" borderId="19" xfId="0" applyFont="1" applyBorder="1" applyAlignment="1">
      <alignment horizontal="center" vertical="center"/>
    </xf>
    <xf numFmtId="0" fontId="9" fillId="0" borderId="38" xfId="0" applyFont="1" applyBorder="1" applyAlignment="1">
      <alignment horizontal="center" vertical="center"/>
    </xf>
    <xf numFmtId="0" fontId="9" fillId="0" borderId="40" xfId="0" applyFont="1" applyBorder="1" applyAlignment="1">
      <alignment horizontal="center" vertical="center"/>
    </xf>
    <xf numFmtId="0" fontId="9" fillId="0" borderId="24" xfId="0" applyFont="1" applyBorder="1" applyAlignment="1">
      <alignment horizontal="center" vertical="center"/>
    </xf>
    <xf numFmtId="0" fontId="9" fillId="0" borderId="42" xfId="0" applyFont="1" applyBorder="1" applyAlignment="1">
      <alignment horizontal="center" vertical="center" textRotation="255" wrapText="1"/>
    </xf>
    <xf numFmtId="0" fontId="9" fillId="0" borderId="19" xfId="0" applyFont="1" applyBorder="1" applyAlignment="1">
      <alignment horizontal="center" vertical="center" textRotation="255" wrapText="1"/>
    </xf>
    <xf numFmtId="0" fontId="9" fillId="0" borderId="36" xfId="0" applyFont="1" applyBorder="1" applyAlignment="1">
      <alignment horizontal="center" vertical="center" textRotation="255" wrapText="1"/>
    </xf>
    <xf numFmtId="0" fontId="9" fillId="0" borderId="22" xfId="0" applyFont="1" applyBorder="1" applyAlignment="1">
      <alignment horizontal="center" vertical="center" textRotation="255" wrapText="1"/>
    </xf>
    <xf numFmtId="0" fontId="9" fillId="0" borderId="38" xfId="0" applyFont="1" applyBorder="1" applyAlignment="1">
      <alignment horizontal="center" vertical="center" textRotation="255" wrapText="1"/>
    </xf>
    <xf numFmtId="0" fontId="9" fillId="0" borderId="24" xfId="0" applyFont="1" applyBorder="1" applyAlignment="1">
      <alignment horizontal="center" vertical="center" textRotation="255" wrapText="1"/>
    </xf>
    <xf numFmtId="0" fontId="9" fillId="0" borderId="23" xfId="0" applyFont="1" applyBorder="1" applyAlignment="1">
      <alignment horizontal="left" vertical="center"/>
    </xf>
  </cellXfs>
  <cellStyles count="10">
    <cellStyle name="パーセント 2" xfId="4" xr:uid="{00000000-0005-0000-0000-000000000000}"/>
    <cellStyle name="桁区切り" xfId="1" builtinId="6"/>
    <cellStyle name="桁区切り 2" xfId="5" xr:uid="{00000000-0005-0000-0000-000002000000}"/>
    <cellStyle name="標準" xfId="0" builtinId="0"/>
    <cellStyle name="標準 2" xfId="2" xr:uid="{00000000-0005-0000-0000-000004000000}"/>
    <cellStyle name="標準 2 2" xfId="6" xr:uid="{00000000-0005-0000-0000-000005000000}"/>
    <cellStyle name="標準 3" xfId="3" xr:uid="{00000000-0005-0000-0000-000006000000}"/>
    <cellStyle name="標準 3 2" xfId="7" xr:uid="{00000000-0005-0000-0000-000007000000}"/>
    <cellStyle name="標準 4" xfId="8" xr:uid="{00000000-0005-0000-0000-000008000000}"/>
    <cellStyle name="標準 5" xfId="9" xr:uid="{00000000-0005-0000-0000-000009000000}"/>
  </cellStyles>
  <dxfs count="5">
    <dxf>
      <font>
        <color theme="0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/909239/Desktop/&#9733;&#12424;&#12367;&#20351;&#12358;&#12420;&#12388;/01.&#27770;&#31639;&#32113;&#35336;&#38306;&#20418;/&#9733;&#27770;&#31639;&#32113;&#35336;&#36942;&#21435;&#12487;&#12540;&#12479;/H24&#27770;&#31639;&#12487;&#12540;&#12479;/&#9733;H24&#21512;10&#3492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2460001000"/>
      <sheetName val="10(000)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K52"/>
  <sheetViews>
    <sheetView tabSelected="1" view="pageBreakPreview" zoomScaleNormal="115" zoomScaleSheetLayoutView="100" workbookViewId="0">
      <selection sqref="A1:D2"/>
    </sheetView>
  </sheetViews>
  <sheetFormatPr defaultColWidth="9.58203125" defaultRowHeight="10" customHeight="1"/>
  <cols>
    <col min="1" max="3" width="1.58203125" style="18" customWidth="1"/>
    <col min="4" max="4" width="16.58203125" style="18" customWidth="1"/>
    <col min="5" max="10" width="9.58203125" style="18" hidden="1" customWidth="1"/>
    <col min="11" max="11" width="9.58203125" style="18" customWidth="1"/>
    <col min="12" max="16384" width="9.58203125" style="18"/>
  </cols>
  <sheetData>
    <row r="1" spans="1:11" ht="10" customHeight="1">
      <c r="A1" s="94" t="s">
        <v>190</v>
      </c>
      <c r="B1" s="95"/>
      <c r="C1" s="95"/>
      <c r="D1" s="96"/>
      <c r="E1" s="1"/>
      <c r="F1" s="1"/>
      <c r="G1" s="1"/>
      <c r="H1" s="1"/>
      <c r="I1" s="1"/>
      <c r="J1" s="1"/>
      <c r="K1" s="2" t="s">
        <v>231</v>
      </c>
    </row>
    <row r="2" spans="1:11" ht="10" customHeight="1">
      <c r="A2" s="97"/>
      <c r="B2" s="98"/>
      <c r="C2" s="98"/>
      <c r="D2" s="99"/>
      <c r="E2" s="3"/>
      <c r="F2" s="3"/>
      <c r="G2" s="3"/>
      <c r="H2" s="3"/>
      <c r="I2" s="3"/>
      <c r="J2" s="3"/>
      <c r="K2" s="4" t="s">
        <v>40</v>
      </c>
    </row>
    <row r="3" spans="1:11" ht="10" customHeight="1">
      <c r="A3" s="102" t="s">
        <v>0</v>
      </c>
      <c r="B3" s="103"/>
      <c r="C3" s="103"/>
      <c r="D3" s="104"/>
      <c r="E3" s="5"/>
      <c r="F3" s="6"/>
      <c r="G3" s="6"/>
      <c r="H3" s="6"/>
      <c r="I3" s="6"/>
      <c r="J3" s="6"/>
      <c r="K3" s="7" t="s">
        <v>232</v>
      </c>
    </row>
    <row r="4" spans="1:11" ht="10" customHeight="1">
      <c r="A4" s="105" t="s">
        <v>1</v>
      </c>
      <c r="B4" s="84"/>
      <c r="C4" s="84"/>
      <c r="D4" s="85"/>
      <c r="E4" s="5"/>
      <c r="F4" s="6"/>
      <c r="G4" s="6"/>
      <c r="H4" s="6"/>
      <c r="I4" s="6"/>
      <c r="J4" s="6"/>
      <c r="K4" s="8" t="s">
        <v>233</v>
      </c>
    </row>
    <row r="5" spans="1:11" ht="10" customHeight="1">
      <c r="A5" s="105" t="s">
        <v>2</v>
      </c>
      <c r="B5" s="84"/>
      <c r="C5" s="84"/>
      <c r="D5" s="85"/>
      <c r="E5" s="5"/>
      <c r="F5" s="6"/>
      <c r="G5" s="6"/>
      <c r="H5" s="6"/>
      <c r="I5" s="6"/>
      <c r="J5" s="6"/>
      <c r="K5" s="8" t="s">
        <v>234</v>
      </c>
    </row>
    <row r="6" spans="1:11" ht="10" customHeight="1">
      <c r="A6" s="105" t="s">
        <v>3</v>
      </c>
      <c r="B6" s="84"/>
      <c r="C6" s="84"/>
      <c r="D6" s="85"/>
      <c r="E6" s="5"/>
      <c r="F6" s="6"/>
      <c r="G6" s="6"/>
      <c r="H6" s="6"/>
      <c r="I6" s="6"/>
      <c r="J6" s="6"/>
      <c r="K6" s="9" t="s">
        <v>235</v>
      </c>
    </row>
    <row r="7" spans="1:11" ht="10" customHeight="1">
      <c r="A7" s="71" t="s">
        <v>25</v>
      </c>
      <c r="B7" s="83" t="s">
        <v>4</v>
      </c>
      <c r="C7" s="84"/>
      <c r="D7" s="85"/>
      <c r="E7" s="5"/>
      <c r="F7" s="6"/>
      <c r="G7" s="6"/>
      <c r="H7" s="6"/>
      <c r="I7" s="6"/>
      <c r="J7" s="6"/>
      <c r="K7" s="10">
        <v>2385</v>
      </c>
    </row>
    <row r="8" spans="1:11" ht="10" customHeight="1">
      <c r="A8" s="72"/>
      <c r="B8" s="83" t="s">
        <v>5</v>
      </c>
      <c r="C8" s="84"/>
      <c r="D8" s="85"/>
      <c r="E8" s="5"/>
      <c r="F8" s="6"/>
      <c r="G8" s="6"/>
      <c r="H8" s="6"/>
      <c r="I8" s="6"/>
      <c r="J8" s="6"/>
      <c r="K8" s="10">
        <v>3510</v>
      </c>
    </row>
    <row r="9" spans="1:11" ht="10" customHeight="1">
      <c r="A9" s="72"/>
      <c r="B9" s="83" t="s">
        <v>6</v>
      </c>
      <c r="C9" s="84"/>
      <c r="D9" s="85"/>
      <c r="E9" s="5"/>
      <c r="F9" s="6"/>
      <c r="G9" s="6"/>
      <c r="H9" s="6"/>
      <c r="I9" s="6"/>
      <c r="J9" s="6"/>
      <c r="K9" s="10">
        <v>2326</v>
      </c>
    </row>
    <row r="10" spans="1:11" ht="10" customHeight="1">
      <c r="A10" s="72"/>
      <c r="B10" s="83" t="s">
        <v>185</v>
      </c>
      <c r="C10" s="84"/>
      <c r="D10" s="85"/>
      <c r="E10" s="13"/>
      <c r="F10" s="13"/>
      <c r="G10" s="13"/>
      <c r="H10" s="13"/>
      <c r="I10" s="13"/>
      <c r="J10" s="13"/>
      <c r="K10" s="37">
        <v>97.526205450733755</v>
      </c>
    </row>
    <row r="11" spans="1:11" ht="10" customHeight="1">
      <c r="A11" s="72"/>
      <c r="B11" s="86" t="s">
        <v>7</v>
      </c>
      <c r="C11" s="84"/>
      <c r="D11" s="85"/>
      <c r="E11" s="5"/>
      <c r="F11" s="6"/>
      <c r="G11" s="6"/>
      <c r="H11" s="6"/>
      <c r="I11" s="6"/>
      <c r="J11" s="6"/>
      <c r="K11" s="10">
        <v>1450</v>
      </c>
    </row>
    <row r="12" spans="1:11" ht="10" customHeight="1">
      <c r="A12" s="72"/>
      <c r="B12" s="83" t="s">
        <v>27</v>
      </c>
      <c r="C12" s="84"/>
      <c r="D12" s="85"/>
      <c r="E12" s="5"/>
      <c r="F12" s="6"/>
      <c r="G12" s="6"/>
      <c r="H12" s="6"/>
      <c r="I12" s="6"/>
      <c r="J12" s="6"/>
      <c r="K12" s="11">
        <v>3.59</v>
      </c>
    </row>
    <row r="13" spans="1:11" ht="10" customHeight="1">
      <c r="A13" s="72"/>
      <c r="B13" s="83" t="s">
        <v>28</v>
      </c>
      <c r="C13" s="84"/>
      <c r="D13" s="85"/>
      <c r="E13" s="5"/>
      <c r="F13" s="6"/>
      <c r="G13" s="6"/>
      <c r="H13" s="6"/>
      <c r="I13" s="6"/>
      <c r="J13" s="6"/>
      <c r="K13" s="11">
        <v>11.7</v>
      </c>
    </row>
    <row r="14" spans="1:11" ht="10" customHeight="1">
      <c r="A14" s="72"/>
      <c r="B14" s="83" t="s">
        <v>29</v>
      </c>
      <c r="C14" s="84"/>
      <c r="D14" s="85"/>
      <c r="E14" s="5"/>
      <c r="F14" s="6"/>
      <c r="G14" s="6"/>
      <c r="H14" s="6"/>
      <c r="I14" s="6"/>
      <c r="J14" s="6"/>
      <c r="K14" s="11">
        <v>58.04</v>
      </c>
    </row>
    <row r="15" spans="1:11" ht="10" customHeight="1">
      <c r="A15" s="72"/>
      <c r="B15" s="83" t="s">
        <v>8</v>
      </c>
      <c r="C15" s="84"/>
      <c r="D15" s="85"/>
      <c r="E15" s="5"/>
      <c r="F15" s="6"/>
      <c r="G15" s="6"/>
      <c r="H15" s="6"/>
      <c r="I15" s="6"/>
      <c r="J15" s="6"/>
      <c r="K15" s="10">
        <v>8</v>
      </c>
    </row>
    <row r="16" spans="1:11" ht="10" customHeight="1">
      <c r="A16" s="73"/>
      <c r="B16" s="83" t="s">
        <v>9</v>
      </c>
      <c r="C16" s="84"/>
      <c r="D16" s="85"/>
      <c r="E16" s="12"/>
      <c r="F16" s="13"/>
      <c r="G16" s="13"/>
      <c r="H16" s="13"/>
      <c r="I16" s="13"/>
      <c r="J16" s="13"/>
      <c r="K16" s="10">
        <v>18</v>
      </c>
    </row>
    <row r="17" spans="1:11" ht="10" customHeight="1">
      <c r="A17" s="74" t="s">
        <v>30</v>
      </c>
      <c r="B17" s="86" t="s">
        <v>10</v>
      </c>
      <c r="C17" s="84"/>
      <c r="D17" s="85"/>
      <c r="E17" s="12"/>
      <c r="F17" s="13"/>
      <c r="G17" s="13"/>
      <c r="H17" s="13"/>
      <c r="I17" s="13"/>
      <c r="J17" s="13"/>
      <c r="K17" s="10">
        <v>1327</v>
      </c>
    </row>
    <row r="18" spans="1:11" ht="10" customHeight="1">
      <c r="A18" s="75"/>
      <c r="B18" s="86" t="s">
        <v>11</v>
      </c>
      <c r="C18" s="84"/>
      <c r="D18" s="85"/>
      <c r="E18" s="12"/>
      <c r="F18" s="13"/>
      <c r="G18" s="13"/>
      <c r="H18" s="13"/>
      <c r="I18" s="13"/>
      <c r="J18" s="13"/>
      <c r="K18" s="10">
        <v>1178</v>
      </c>
    </row>
    <row r="19" spans="1:11" ht="10" customHeight="1">
      <c r="A19" s="75"/>
      <c r="B19" s="86" t="s">
        <v>31</v>
      </c>
      <c r="C19" s="84"/>
      <c r="D19" s="85"/>
      <c r="E19" s="12"/>
      <c r="F19" s="13"/>
      <c r="G19" s="13"/>
      <c r="H19" s="13"/>
      <c r="I19" s="13"/>
      <c r="J19" s="13"/>
      <c r="K19" s="11">
        <v>311.51</v>
      </c>
    </row>
    <row r="20" spans="1:11" ht="10" customHeight="1">
      <c r="A20" s="76"/>
      <c r="B20" s="86" t="s">
        <v>32</v>
      </c>
      <c r="C20" s="100"/>
      <c r="D20" s="101"/>
      <c r="E20" s="12"/>
      <c r="F20" s="13"/>
      <c r="G20" s="13"/>
      <c r="H20" s="13"/>
      <c r="I20" s="13"/>
      <c r="J20" s="13"/>
      <c r="K20" s="11">
        <v>252.69</v>
      </c>
    </row>
    <row r="21" spans="1:11" ht="10" customHeight="1">
      <c r="A21" s="74" t="s">
        <v>33</v>
      </c>
      <c r="B21" s="77" t="s">
        <v>34</v>
      </c>
      <c r="C21" s="78"/>
      <c r="D21" s="14" t="s">
        <v>35</v>
      </c>
      <c r="E21" s="5"/>
      <c r="F21" s="6"/>
      <c r="G21" s="6"/>
      <c r="H21" s="6"/>
      <c r="I21" s="6"/>
      <c r="J21" s="6"/>
      <c r="K21" s="9" t="s">
        <v>40</v>
      </c>
    </row>
    <row r="22" spans="1:11" ht="10" customHeight="1">
      <c r="A22" s="75"/>
      <c r="B22" s="79"/>
      <c r="C22" s="80"/>
      <c r="D22" s="38" t="s">
        <v>36</v>
      </c>
      <c r="E22" s="5"/>
      <c r="F22" s="6"/>
      <c r="G22" s="6"/>
      <c r="H22" s="6"/>
      <c r="I22" s="6"/>
      <c r="J22" s="6"/>
      <c r="K22" s="9" t="s">
        <v>236</v>
      </c>
    </row>
    <row r="23" spans="1:11" ht="10" customHeight="1">
      <c r="A23" s="75"/>
      <c r="B23" s="81"/>
      <c r="C23" s="82"/>
      <c r="D23" s="38" t="s">
        <v>26</v>
      </c>
      <c r="E23" s="5"/>
      <c r="F23" s="6"/>
      <c r="G23" s="6"/>
      <c r="H23" s="6"/>
      <c r="I23" s="6"/>
      <c r="J23" s="6"/>
      <c r="K23" s="9" t="s">
        <v>40</v>
      </c>
    </row>
    <row r="24" spans="1:11" ht="10" customHeight="1">
      <c r="A24" s="75"/>
      <c r="B24" s="77" t="s">
        <v>37</v>
      </c>
      <c r="C24" s="78"/>
      <c r="D24" s="15" t="s">
        <v>12</v>
      </c>
      <c r="E24" s="5"/>
      <c r="F24" s="6"/>
      <c r="G24" s="6"/>
      <c r="H24" s="6"/>
      <c r="I24" s="6"/>
      <c r="J24" s="6"/>
      <c r="K24" s="10">
        <v>10</v>
      </c>
    </row>
    <row r="25" spans="1:11" ht="10" customHeight="1">
      <c r="A25" s="75"/>
      <c r="B25" s="79"/>
      <c r="C25" s="80"/>
      <c r="D25" s="14" t="s">
        <v>13</v>
      </c>
      <c r="E25" s="12"/>
      <c r="F25" s="13"/>
      <c r="G25" s="13"/>
      <c r="H25" s="13"/>
      <c r="I25" s="13"/>
      <c r="J25" s="13"/>
      <c r="K25" s="10">
        <v>1540</v>
      </c>
    </row>
    <row r="26" spans="1:11" ht="10" customHeight="1">
      <c r="A26" s="75"/>
      <c r="B26" s="79"/>
      <c r="C26" s="80"/>
      <c r="D26" s="15" t="s">
        <v>14</v>
      </c>
      <c r="E26" s="12"/>
      <c r="F26" s="13"/>
      <c r="G26" s="13"/>
      <c r="H26" s="13"/>
      <c r="I26" s="13"/>
      <c r="J26" s="13"/>
      <c r="K26" s="10">
        <v>132</v>
      </c>
    </row>
    <row r="27" spans="1:11" ht="10" customHeight="1">
      <c r="A27" s="75"/>
      <c r="B27" s="79"/>
      <c r="C27" s="80"/>
      <c r="D27" s="15" t="s">
        <v>15</v>
      </c>
      <c r="E27" s="12"/>
      <c r="F27" s="13"/>
      <c r="G27" s="13"/>
      <c r="H27" s="13"/>
      <c r="I27" s="13"/>
      <c r="J27" s="13"/>
      <c r="K27" s="10">
        <v>1628</v>
      </c>
    </row>
    <row r="28" spans="1:11" ht="10" customHeight="1">
      <c r="A28" s="75"/>
      <c r="B28" s="81"/>
      <c r="C28" s="82"/>
      <c r="D28" s="41" t="s">
        <v>198</v>
      </c>
      <c r="E28" s="12"/>
      <c r="F28" s="13"/>
      <c r="G28" s="13"/>
      <c r="H28" s="13"/>
      <c r="I28" s="13"/>
      <c r="J28" s="13"/>
      <c r="K28" s="10">
        <v>2948</v>
      </c>
    </row>
    <row r="29" spans="1:11" ht="10" customHeight="1">
      <c r="A29" s="76"/>
      <c r="B29" s="83" t="s">
        <v>16</v>
      </c>
      <c r="C29" s="84"/>
      <c r="D29" s="85"/>
      <c r="E29" s="12"/>
      <c r="F29" s="13"/>
      <c r="G29" s="13"/>
      <c r="H29" s="13"/>
      <c r="I29" s="13"/>
      <c r="J29" s="13"/>
      <c r="K29" s="8" t="s">
        <v>237</v>
      </c>
    </row>
    <row r="30" spans="1:11" ht="10" customHeight="1">
      <c r="A30" s="87" t="s">
        <v>38</v>
      </c>
      <c r="B30" s="88" t="s">
        <v>17</v>
      </c>
      <c r="C30" s="89"/>
      <c r="D30" s="90"/>
      <c r="E30" s="5"/>
      <c r="F30" s="6"/>
      <c r="G30" s="6"/>
      <c r="H30" s="6"/>
      <c r="I30" s="6"/>
      <c r="J30" s="6"/>
      <c r="K30" s="10">
        <v>2</v>
      </c>
    </row>
    <row r="31" spans="1:11" ht="10" customHeight="1">
      <c r="A31" s="75"/>
      <c r="B31" s="16"/>
      <c r="C31" s="83" t="s">
        <v>18</v>
      </c>
      <c r="D31" s="85"/>
      <c r="E31" s="12"/>
      <c r="F31" s="13"/>
      <c r="G31" s="13"/>
      <c r="H31" s="13"/>
      <c r="I31" s="13"/>
      <c r="J31" s="13"/>
      <c r="K31" s="10">
        <v>0</v>
      </c>
    </row>
    <row r="32" spans="1:11" ht="10" customHeight="1">
      <c r="A32" s="75"/>
      <c r="B32" s="16"/>
      <c r="C32" s="83" t="s">
        <v>19</v>
      </c>
      <c r="D32" s="85"/>
      <c r="E32" s="12"/>
      <c r="F32" s="13"/>
      <c r="G32" s="13"/>
      <c r="H32" s="13"/>
      <c r="I32" s="13"/>
      <c r="J32" s="13"/>
      <c r="K32" s="10">
        <v>2</v>
      </c>
    </row>
    <row r="33" spans="1:11" ht="10" customHeight="1">
      <c r="A33" s="75"/>
      <c r="B33" s="16"/>
      <c r="C33" s="83" t="s">
        <v>20</v>
      </c>
      <c r="D33" s="85"/>
      <c r="E33" s="12"/>
      <c r="F33" s="13"/>
      <c r="G33" s="13"/>
      <c r="H33" s="13"/>
      <c r="I33" s="13"/>
      <c r="J33" s="13"/>
      <c r="K33" s="10">
        <v>0</v>
      </c>
    </row>
    <row r="34" spans="1:11" ht="10" customHeight="1">
      <c r="A34" s="75"/>
      <c r="B34" s="16"/>
      <c r="C34" s="83" t="s">
        <v>21</v>
      </c>
      <c r="D34" s="85"/>
      <c r="E34" s="12"/>
      <c r="F34" s="13"/>
      <c r="G34" s="13"/>
      <c r="H34" s="13"/>
      <c r="I34" s="13"/>
      <c r="J34" s="13"/>
      <c r="K34" s="10">
        <v>0</v>
      </c>
    </row>
    <row r="35" spans="1:11" ht="10" customHeight="1">
      <c r="A35" s="75"/>
      <c r="B35" s="17"/>
      <c r="C35" s="83" t="s">
        <v>22</v>
      </c>
      <c r="D35" s="85"/>
      <c r="E35" s="5"/>
      <c r="F35" s="6"/>
      <c r="G35" s="6"/>
      <c r="H35" s="6"/>
      <c r="I35" s="6"/>
      <c r="J35" s="6"/>
      <c r="K35" s="10">
        <v>0</v>
      </c>
    </row>
    <row r="36" spans="1:11" ht="10" customHeight="1">
      <c r="A36" s="75"/>
      <c r="B36" s="83" t="s">
        <v>23</v>
      </c>
      <c r="C36" s="84"/>
      <c r="D36" s="85"/>
      <c r="E36" s="12"/>
      <c r="F36" s="13"/>
      <c r="G36" s="13"/>
      <c r="H36" s="13"/>
      <c r="I36" s="13"/>
      <c r="J36" s="53"/>
      <c r="K36" s="10">
        <v>0</v>
      </c>
    </row>
    <row r="37" spans="1:11" ht="10" customHeight="1">
      <c r="A37" s="75"/>
      <c r="B37" s="88" t="s">
        <v>24</v>
      </c>
      <c r="C37" s="89"/>
      <c r="D37" s="90"/>
      <c r="E37" s="12"/>
      <c r="F37" s="13"/>
      <c r="G37" s="13"/>
      <c r="H37" s="13"/>
      <c r="I37" s="13"/>
      <c r="J37" s="53"/>
      <c r="K37" s="10">
        <v>2</v>
      </c>
    </row>
    <row r="38" spans="1:11" ht="10" customHeight="1">
      <c r="A38" s="106" t="s">
        <v>39</v>
      </c>
      <c r="B38" s="89"/>
      <c r="C38" s="89"/>
      <c r="D38" s="90"/>
      <c r="E38" s="13"/>
      <c r="F38" s="13"/>
      <c r="G38" s="13"/>
      <c r="H38" s="13"/>
      <c r="I38" s="13"/>
      <c r="J38" s="53"/>
      <c r="K38" s="10">
        <v>77</v>
      </c>
    </row>
    <row r="39" spans="1:11" ht="10" customHeight="1">
      <c r="A39" s="91" t="s">
        <v>211</v>
      </c>
      <c r="B39" s="92"/>
      <c r="C39" s="93"/>
      <c r="D39" s="50" t="s">
        <v>182</v>
      </c>
      <c r="E39" s="13"/>
      <c r="F39" s="13"/>
      <c r="G39" s="13"/>
      <c r="H39" s="13"/>
      <c r="I39" s="13"/>
      <c r="J39" s="53"/>
      <c r="K39" s="36">
        <v>107.94912445569911</v>
      </c>
    </row>
    <row r="40" spans="1:11" ht="10" customHeight="1">
      <c r="A40" s="91"/>
      <c r="B40" s="92"/>
      <c r="C40" s="93"/>
      <c r="D40" s="49" t="s">
        <v>183</v>
      </c>
      <c r="E40" s="34"/>
      <c r="F40" s="24"/>
      <c r="G40" s="24"/>
      <c r="H40" s="24"/>
      <c r="I40" s="24"/>
      <c r="J40" s="54"/>
      <c r="K40" s="36">
        <v>107.94912445569911</v>
      </c>
    </row>
    <row r="41" spans="1:11" ht="10" customHeight="1">
      <c r="A41" s="91"/>
      <c r="B41" s="92"/>
      <c r="C41" s="93"/>
      <c r="D41" s="49" t="s">
        <v>184</v>
      </c>
      <c r="E41" s="34"/>
      <c r="F41" s="24"/>
      <c r="G41" s="24"/>
      <c r="H41" s="24"/>
      <c r="I41" s="24"/>
      <c r="J41" s="54"/>
      <c r="K41" s="36">
        <v>0</v>
      </c>
    </row>
    <row r="42" spans="1:11" ht="10" customHeight="1">
      <c r="A42" s="91"/>
      <c r="B42" s="92"/>
      <c r="C42" s="93"/>
      <c r="D42" s="61" t="s">
        <v>213</v>
      </c>
      <c r="K42" s="62">
        <v>157.69999999999999</v>
      </c>
    </row>
    <row r="43" spans="1:11" ht="10" customHeight="1">
      <c r="A43" s="91"/>
      <c r="B43" s="92"/>
      <c r="C43" s="93"/>
      <c r="D43" s="60" t="s">
        <v>228</v>
      </c>
      <c r="K43" s="62">
        <v>374.1</v>
      </c>
    </row>
    <row r="44" spans="1:11" ht="10" customHeight="1">
      <c r="A44" s="91"/>
      <c r="B44" s="92"/>
      <c r="C44" s="93"/>
      <c r="D44" s="56" t="s">
        <v>187</v>
      </c>
      <c r="E44" s="6"/>
      <c r="F44" s="6"/>
      <c r="G44" s="6"/>
      <c r="H44" s="6"/>
      <c r="I44" s="6"/>
      <c r="J44" s="55"/>
      <c r="K44" s="37">
        <v>166.45692350310657</v>
      </c>
    </row>
    <row r="45" spans="1:11" ht="10" customHeight="1">
      <c r="A45" s="91"/>
      <c r="B45" s="92"/>
      <c r="C45" s="93"/>
      <c r="D45" s="56" t="s">
        <v>188</v>
      </c>
      <c r="E45" s="13"/>
      <c r="F45" s="13"/>
      <c r="G45" s="13"/>
      <c r="H45" s="13"/>
      <c r="I45" s="13"/>
      <c r="J45" s="53"/>
      <c r="K45" s="37">
        <v>360.28730855989551</v>
      </c>
    </row>
    <row r="46" spans="1:11" ht="10" customHeight="1">
      <c r="A46" s="91"/>
      <c r="B46" s="92"/>
      <c r="C46" s="93"/>
      <c r="D46" s="56" t="s">
        <v>189</v>
      </c>
      <c r="E46" s="13"/>
      <c r="F46" s="13"/>
      <c r="G46" s="13"/>
      <c r="H46" s="13"/>
      <c r="I46" s="13"/>
      <c r="J46" s="53"/>
      <c r="K46" s="37">
        <v>46.201162113772916</v>
      </c>
    </row>
    <row r="47" spans="1:11" ht="10" customHeight="1">
      <c r="A47" s="91"/>
      <c r="B47" s="92"/>
      <c r="C47" s="93"/>
      <c r="D47" s="18" t="s">
        <v>214</v>
      </c>
      <c r="K47" s="62">
        <v>64.314400000000006</v>
      </c>
    </row>
    <row r="48" spans="1:11" ht="10" customHeight="1">
      <c r="A48" s="91"/>
      <c r="B48" s="92"/>
      <c r="C48" s="93"/>
      <c r="D48" s="56" t="s">
        <v>186</v>
      </c>
      <c r="E48" s="13"/>
      <c r="F48" s="13"/>
      <c r="G48" s="13"/>
      <c r="H48" s="13"/>
      <c r="I48" s="13"/>
      <c r="J48" s="53"/>
      <c r="K48" s="37">
        <v>81.117781130621808</v>
      </c>
    </row>
    <row r="49" spans="1:11" ht="10" customHeight="1">
      <c r="A49" s="91" t="s">
        <v>212</v>
      </c>
      <c r="B49" s="92"/>
      <c r="C49" s="93"/>
      <c r="D49" s="60" t="s">
        <v>229</v>
      </c>
      <c r="K49" s="62">
        <v>74.2</v>
      </c>
    </row>
    <row r="50" spans="1:11" ht="20.25" customHeight="1">
      <c r="A50" s="91"/>
      <c r="B50" s="92"/>
      <c r="C50" s="93"/>
      <c r="D50" s="61" t="s">
        <v>215</v>
      </c>
      <c r="K50" s="62">
        <v>49.3</v>
      </c>
    </row>
    <row r="51" spans="1:11" ht="10" customHeight="1">
      <c r="A51" s="91"/>
      <c r="B51" s="92"/>
      <c r="C51" s="93"/>
      <c r="D51" s="61" t="s">
        <v>216</v>
      </c>
      <c r="K51" s="62">
        <v>0.46</v>
      </c>
    </row>
    <row r="52" spans="1:11" ht="10" customHeight="1">
      <c r="A52" s="68" t="s">
        <v>200</v>
      </c>
      <c r="B52" s="69"/>
      <c r="C52" s="67"/>
      <c r="D52" s="70"/>
      <c r="E52" s="13"/>
      <c r="F52" s="13"/>
      <c r="G52" s="13"/>
      <c r="H52" s="13"/>
      <c r="I52" s="13"/>
      <c r="J52" s="53"/>
      <c r="K52" s="39">
        <v>93.43</v>
      </c>
    </row>
  </sheetData>
  <mergeCells count="37">
    <mergeCell ref="A39:C48"/>
    <mergeCell ref="A49:C51"/>
    <mergeCell ref="A1:D2"/>
    <mergeCell ref="A17:A20"/>
    <mergeCell ref="B17:D17"/>
    <mergeCell ref="B18:D18"/>
    <mergeCell ref="B19:D19"/>
    <mergeCell ref="B20:D20"/>
    <mergeCell ref="A3:D3"/>
    <mergeCell ref="A4:D4"/>
    <mergeCell ref="A5:D5"/>
    <mergeCell ref="A6:D6"/>
    <mergeCell ref="B7:D7"/>
    <mergeCell ref="B8:D8"/>
    <mergeCell ref="B9:D9"/>
    <mergeCell ref="A38:D38"/>
    <mergeCell ref="A30:A37"/>
    <mergeCell ref="B30:D30"/>
    <mergeCell ref="C31:D31"/>
    <mergeCell ref="C32:D32"/>
    <mergeCell ref="C33:D33"/>
    <mergeCell ref="C34:D34"/>
    <mergeCell ref="C35:D35"/>
    <mergeCell ref="B36:D36"/>
    <mergeCell ref="B37:D37"/>
    <mergeCell ref="A7:A16"/>
    <mergeCell ref="A21:A29"/>
    <mergeCell ref="B21:C23"/>
    <mergeCell ref="B29:D29"/>
    <mergeCell ref="B24:C28"/>
    <mergeCell ref="B11:D11"/>
    <mergeCell ref="B13:D13"/>
    <mergeCell ref="B14:D14"/>
    <mergeCell ref="B15:D15"/>
    <mergeCell ref="B16:D16"/>
    <mergeCell ref="B12:D12"/>
    <mergeCell ref="B10:D10"/>
  </mergeCells>
  <phoneticPr fontId="3"/>
  <conditionalFormatting sqref="K3:K5 K7:K9 K11:K20 K24:K38">
    <cfRule type="cellIs" dxfId="4" priority="61" stopIfTrue="1" operator="equal">
      <formula>0</formula>
    </cfRule>
  </conditionalFormatting>
  <pageMargins left="0.78740157480314965" right="0.78740157480314965" top="1.1417322834645669" bottom="0.78740157480314965" header="0.51181102362204722" footer="0.51181102362204722"/>
  <pageSetup paperSize="9" firstPageNumber="152" orientation="portrait" useFirstPageNumber="1" r:id="rId1"/>
  <headerFooter>
    <oddHeader>&amp;L&amp;"ＭＳ ゴシック,標準"Ⅳ　令和６年度地方公営企業事業別決算状況
　２　簡易水道事業（法適用事業）&amp;R&amp;"ＭＳ ゴシック,標準"
&amp;A</oddHeader>
    <oddFooter xml:space="preserve">&amp;C&amp;"ＭＳ ゴシック,標準"&amp;9 &amp;P </oddFoot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K65"/>
  <sheetViews>
    <sheetView view="pageBreakPreview" zoomScaleNormal="120" zoomScaleSheetLayoutView="100" workbookViewId="0">
      <selection sqref="A1:D2"/>
    </sheetView>
  </sheetViews>
  <sheetFormatPr defaultColWidth="9.58203125" defaultRowHeight="10" customHeight="1"/>
  <cols>
    <col min="1" max="3" width="1.58203125" style="18" customWidth="1"/>
    <col min="4" max="4" width="16.58203125" style="18" customWidth="1"/>
    <col min="5" max="10" width="9.58203125" style="18" hidden="1" customWidth="1"/>
    <col min="11" max="13" width="9.58203125" style="18" customWidth="1"/>
    <col min="14" max="14" width="10.25" style="18" bestFit="1" customWidth="1"/>
    <col min="15" max="16384" width="9.58203125" style="18"/>
  </cols>
  <sheetData>
    <row r="1" spans="1:11" ht="10" customHeight="1">
      <c r="A1" s="94" t="s">
        <v>190</v>
      </c>
      <c r="B1" s="95"/>
      <c r="C1" s="95"/>
      <c r="D1" s="96"/>
      <c r="E1" s="1"/>
      <c r="F1" s="1"/>
      <c r="G1" s="1"/>
      <c r="H1" s="1"/>
      <c r="I1" s="1"/>
      <c r="J1" s="1"/>
      <c r="K1" s="2" t="s">
        <v>230</v>
      </c>
    </row>
    <row r="2" spans="1:11" ht="10" customHeight="1">
      <c r="A2" s="97"/>
      <c r="B2" s="98"/>
      <c r="C2" s="98"/>
      <c r="D2" s="99"/>
      <c r="E2" s="3"/>
      <c r="F2" s="3"/>
      <c r="G2" s="3"/>
      <c r="H2" s="3"/>
      <c r="I2" s="3"/>
      <c r="J2" s="3"/>
      <c r="K2" s="4" t="s">
        <v>40</v>
      </c>
    </row>
    <row r="3" spans="1:11" ht="10" customHeight="1">
      <c r="A3" s="119" t="s">
        <v>41</v>
      </c>
      <c r="B3" s="120"/>
      <c r="C3" s="120"/>
      <c r="D3" s="121"/>
      <c r="E3" s="13"/>
      <c r="F3" s="12"/>
      <c r="G3" s="12"/>
      <c r="H3" s="12"/>
      <c r="I3" s="12"/>
      <c r="J3" s="12"/>
      <c r="K3" s="43">
        <v>150480</v>
      </c>
    </row>
    <row r="4" spans="1:11" ht="10" customHeight="1">
      <c r="A4" s="20"/>
      <c r="B4" s="88" t="s">
        <v>42</v>
      </c>
      <c r="C4" s="89"/>
      <c r="D4" s="90"/>
      <c r="E4" s="13"/>
      <c r="F4" s="12"/>
      <c r="G4" s="12"/>
      <c r="H4" s="12"/>
      <c r="I4" s="12"/>
      <c r="J4" s="12"/>
      <c r="K4" s="44">
        <v>42175</v>
      </c>
    </row>
    <row r="5" spans="1:11" ht="10" customHeight="1">
      <c r="A5" s="20"/>
      <c r="B5" s="16"/>
      <c r="C5" s="83" t="s">
        <v>43</v>
      </c>
      <c r="D5" s="85"/>
      <c r="E5" s="13"/>
      <c r="F5" s="12"/>
      <c r="G5" s="12"/>
      <c r="H5" s="12"/>
      <c r="I5" s="12"/>
      <c r="J5" s="12"/>
      <c r="K5" s="44">
        <v>42062</v>
      </c>
    </row>
    <row r="6" spans="1:11" ht="10" customHeight="1">
      <c r="A6" s="20"/>
      <c r="B6" s="16"/>
      <c r="C6" s="83" t="s">
        <v>44</v>
      </c>
      <c r="D6" s="85"/>
      <c r="E6" s="13"/>
      <c r="F6" s="12"/>
      <c r="G6" s="12"/>
      <c r="H6" s="12"/>
      <c r="I6" s="12"/>
      <c r="J6" s="12"/>
      <c r="K6" s="44">
        <v>0</v>
      </c>
    </row>
    <row r="7" spans="1:11" ht="10" customHeight="1">
      <c r="A7" s="20"/>
      <c r="B7" s="16"/>
      <c r="C7" s="88" t="s">
        <v>45</v>
      </c>
      <c r="D7" s="90"/>
      <c r="E7" s="13"/>
      <c r="F7" s="12"/>
      <c r="G7" s="12"/>
      <c r="H7" s="12"/>
      <c r="I7" s="12"/>
      <c r="J7" s="12"/>
      <c r="K7" s="44">
        <v>113</v>
      </c>
    </row>
    <row r="8" spans="1:11" ht="10" customHeight="1">
      <c r="A8" s="20"/>
      <c r="B8" s="16"/>
      <c r="C8" s="16"/>
      <c r="D8" s="21" t="s">
        <v>46</v>
      </c>
      <c r="E8" s="13"/>
      <c r="F8" s="12"/>
      <c r="G8" s="12"/>
      <c r="H8" s="12"/>
      <c r="I8" s="12"/>
      <c r="J8" s="12"/>
      <c r="K8" s="44">
        <v>0</v>
      </c>
    </row>
    <row r="9" spans="1:11" ht="10" customHeight="1">
      <c r="A9" s="20"/>
      <c r="B9" s="16"/>
      <c r="C9" s="16"/>
      <c r="D9" s="21" t="s">
        <v>47</v>
      </c>
      <c r="E9" s="13"/>
      <c r="F9" s="12"/>
      <c r="G9" s="12"/>
      <c r="H9" s="12"/>
      <c r="I9" s="12"/>
      <c r="J9" s="12"/>
      <c r="K9" s="44">
        <v>113</v>
      </c>
    </row>
    <row r="10" spans="1:11" ht="10" customHeight="1">
      <c r="A10" s="20"/>
      <c r="B10" s="88" t="s">
        <v>48</v>
      </c>
      <c r="C10" s="89"/>
      <c r="D10" s="90"/>
      <c r="E10" s="13"/>
      <c r="F10" s="12"/>
      <c r="G10" s="12"/>
      <c r="H10" s="12"/>
      <c r="I10" s="12"/>
      <c r="J10" s="12"/>
      <c r="K10" s="44">
        <v>108305</v>
      </c>
    </row>
    <row r="11" spans="1:11" ht="10" customHeight="1">
      <c r="A11" s="20"/>
      <c r="B11" s="16"/>
      <c r="C11" s="83" t="s">
        <v>49</v>
      </c>
      <c r="D11" s="85"/>
      <c r="E11" s="13"/>
      <c r="F11" s="12"/>
      <c r="G11" s="12"/>
      <c r="H11" s="12"/>
      <c r="I11" s="12"/>
      <c r="J11" s="12"/>
      <c r="K11" s="44">
        <v>4</v>
      </c>
    </row>
    <row r="12" spans="1:11" ht="10" customHeight="1">
      <c r="A12" s="20"/>
      <c r="B12" s="16"/>
      <c r="C12" s="83" t="s">
        <v>44</v>
      </c>
      <c r="D12" s="85"/>
      <c r="E12" s="13"/>
      <c r="F12" s="12"/>
      <c r="G12" s="12"/>
      <c r="H12" s="12"/>
      <c r="I12" s="12"/>
      <c r="J12" s="12"/>
      <c r="K12" s="44">
        <v>0</v>
      </c>
    </row>
    <row r="13" spans="1:11" ht="10" customHeight="1">
      <c r="A13" s="20"/>
      <c r="B13" s="16"/>
      <c r="C13" s="83" t="s">
        <v>50</v>
      </c>
      <c r="D13" s="85"/>
      <c r="E13" s="13"/>
      <c r="F13" s="12"/>
      <c r="G13" s="12"/>
      <c r="H13" s="12"/>
      <c r="I13" s="12"/>
      <c r="J13" s="12"/>
      <c r="K13" s="44">
        <v>0</v>
      </c>
    </row>
    <row r="14" spans="1:11" ht="10" customHeight="1">
      <c r="A14" s="20"/>
      <c r="B14" s="16"/>
      <c r="C14" s="83" t="s">
        <v>79</v>
      </c>
      <c r="D14" s="85"/>
      <c r="E14" s="13"/>
      <c r="F14" s="12"/>
      <c r="G14" s="12"/>
      <c r="H14" s="12"/>
      <c r="I14" s="12"/>
      <c r="J14" s="12"/>
      <c r="K14" s="44">
        <v>0</v>
      </c>
    </row>
    <row r="15" spans="1:11" ht="10" customHeight="1">
      <c r="A15" s="20"/>
      <c r="B15" s="16"/>
      <c r="C15" s="83" t="s">
        <v>51</v>
      </c>
      <c r="D15" s="85"/>
      <c r="E15" s="13"/>
      <c r="F15" s="12"/>
      <c r="G15" s="12"/>
      <c r="H15" s="12"/>
      <c r="I15" s="12"/>
      <c r="J15" s="12"/>
      <c r="K15" s="44">
        <v>58361</v>
      </c>
    </row>
    <row r="16" spans="1:11" ht="10" customHeight="1">
      <c r="A16" s="20"/>
      <c r="B16" s="16"/>
      <c r="C16" s="83" t="s">
        <v>80</v>
      </c>
      <c r="D16" s="85"/>
      <c r="E16" s="13"/>
      <c r="F16" s="12"/>
      <c r="G16" s="12"/>
      <c r="H16" s="12"/>
      <c r="I16" s="12"/>
      <c r="J16" s="12"/>
      <c r="K16" s="44">
        <v>48358</v>
      </c>
    </row>
    <row r="17" spans="1:11" ht="10" customHeight="1">
      <c r="A17" s="20"/>
      <c r="B17" s="16"/>
      <c r="C17" s="83" t="s">
        <v>81</v>
      </c>
      <c r="D17" s="85"/>
      <c r="E17" s="13"/>
      <c r="F17" s="12"/>
      <c r="G17" s="12"/>
      <c r="H17" s="12"/>
      <c r="I17" s="12"/>
      <c r="J17" s="12"/>
      <c r="K17" s="44">
        <v>0</v>
      </c>
    </row>
    <row r="18" spans="1:11" ht="10" customHeight="1">
      <c r="A18" s="20"/>
      <c r="B18" s="16"/>
      <c r="C18" s="83" t="s">
        <v>52</v>
      </c>
      <c r="D18" s="85"/>
      <c r="E18" s="13"/>
      <c r="F18" s="12"/>
      <c r="G18" s="12"/>
      <c r="H18" s="12"/>
      <c r="I18" s="12"/>
      <c r="J18" s="12"/>
      <c r="K18" s="44">
        <v>1582</v>
      </c>
    </row>
    <row r="19" spans="1:11" ht="10" customHeight="1">
      <c r="A19" s="20"/>
      <c r="B19" s="88" t="s">
        <v>53</v>
      </c>
      <c r="C19" s="89"/>
      <c r="D19" s="90"/>
      <c r="E19" s="13"/>
      <c r="F19" s="12"/>
      <c r="G19" s="12"/>
      <c r="H19" s="12"/>
      <c r="I19" s="12"/>
      <c r="J19" s="12"/>
      <c r="K19" s="44">
        <v>0</v>
      </c>
    </row>
    <row r="20" spans="1:11" ht="10" customHeight="1">
      <c r="A20" s="20"/>
      <c r="B20" s="16"/>
      <c r="C20" s="83" t="s">
        <v>54</v>
      </c>
      <c r="D20" s="85"/>
      <c r="E20" s="13"/>
      <c r="F20" s="12"/>
      <c r="G20" s="12"/>
      <c r="H20" s="12"/>
      <c r="I20" s="12"/>
      <c r="J20" s="12"/>
      <c r="K20" s="44">
        <v>0</v>
      </c>
    </row>
    <row r="21" spans="1:11" ht="10" customHeight="1">
      <c r="A21" s="20"/>
      <c r="B21" s="16"/>
      <c r="C21" s="83" t="s">
        <v>55</v>
      </c>
      <c r="D21" s="85"/>
      <c r="E21" s="13"/>
      <c r="F21" s="12"/>
      <c r="G21" s="12"/>
      <c r="H21" s="12"/>
      <c r="I21" s="12"/>
      <c r="J21" s="12"/>
      <c r="K21" s="44">
        <v>0</v>
      </c>
    </row>
    <row r="22" spans="1:11" ht="10" customHeight="1">
      <c r="A22" s="22"/>
      <c r="B22" s="17"/>
      <c r="C22" s="83" t="s">
        <v>47</v>
      </c>
      <c r="D22" s="85"/>
      <c r="E22" s="13"/>
      <c r="F22" s="12"/>
      <c r="G22" s="12"/>
      <c r="H22" s="12"/>
      <c r="I22" s="12"/>
      <c r="J22" s="12"/>
      <c r="K22" s="44">
        <v>0</v>
      </c>
    </row>
    <row r="23" spans="1:11" ht="10" customHeight="1">
      <c r="A23" s="116" t="s">
        <v>56</v>
      </c>
      <c r="B23" s="117"/>
      <c r="C23" s="117"/>
      <c r="D23" s="118"/>
      <c r="E23" s="13"/>
      <c r="F23" s="12"/>
      <c r="G23" s="12"/>
      <c r="H23" s="12"/>
      <c r="I23" s="12"/>
      <c r="J23" s="12"/>
      <c r="K23" s="44">
        <v>139399</v>
      </c>
    </row>
    <row r="24" spans="1:11" ht="10" customHeight="1">
      <c r="A24" s="20"/>
      <c r="B24" s="88" t="s">
        <v>57</v>
      </c>
      <c r="C24" s="89"/>
      <c r="D24" s="90"/>
      <c r="E24" s="13"/>
      <c r="F24" s="12"/>
      <c r="G24" s="12"/>
      <c r="H24" s="12"/>
      <c r="I24" s="12"/>
      <c r="J24" s="12"/>
      <c r="K24" s="44">
        <v>136856</v>
      </c>
    </row>
    <row r="25" spans="1:11" ht="10" customHeight="1">
      <c r="A25" s="20"/>
      <c r="B25" s="16"/>
      <c r="C25" s="83" t="s">
        <v>58</v>
      </c>
      <c r="D25" s="85"/>
      <c r="E25" s="13"/>
      <c r="F25" s="12"/>
      <c r="G25" s="12"/>
      <c r="H25" s="12"/>
      <c r="I25" s="12"/>
      <c r="J25" s="12"/>
      <c r="K25" s="44">
        <v>55823</v>
      </c>
    </row>
    <row r="26" spans="1:11" ht="10" customHeight="1">
      <c r="A26" s="20"/>
      <c r="B26" s="16"/>
      <c r="C26" s="83" t="s">
        <v>59</v>
      </c>
      <c r="D26" s="85"/>
      <c r="E26" s="13"/>
      <c r="F26" s="13"/>
      <c r="G26" s="13"/>
      <c r="H26" s="13"/>
      <c r="I26" s="13"/>
      <c r="J26" s="13"/>
      <c r="K26" s="44">
        <v>0</v>
      </c>
    </row>
    <row r="27" spans="1:11" ht="10" customHeight="1">
      <c r="A27" s="20"/>
      <c r="B27" s="16"/>
      <c r="C27" s="83" t="s">
        <v>60</v>
      </c>
      <c r="D27" s="85"/>
      <c r="E27" s="13"/>
      <c r="F27" s="13"/>
      <c r="G27" s="13"/>
      <c r="H27" s="13"/>
      <c r="I27" s="13"/>
      <c r="J27" s="13"/>
      <c r="K27" s="44">
        <v>0</v>
      </c>
    </row>
    <row r="28" spans="1:11" ht="10" customHeight="1">
      <c r="A28" s="20"/>
      <c r="B28" s="16"/>
      <c r="C28" s="83" t="s">
        <v>61</v>
      </c>
      <c r="D28" s="85"/>
      <c r="E28" s="13"/>
      <c r="F28" s="13"/>
      <c r="G28" s="13"/>
      <c r="H28" s="13"/>
      <c r="I28" s="13"/>
      <c r="J28" s="13"/>
      <c r="K28" s="44">
        <v>0</v>
      </c>
    </row>
    <row r="29" spans="1:11" ht="10" customHeight="1">
      <c r="A29" s="20"/>
      <c r="B29" s="16"/>
      <c r="C29" s="83" t="s">
        <v>62</v>
      </c>
      <c r="D29" s="85"/>
      <c r="E29" s="13"/>
      <c r="F29" s="13"/>
      <c r="G29" s="13"/>
      <c r="H29" s="13"/>
      <c r="I29" s="13"/>
      <c r="J29" s="13"/>
      <c r="K29" s="44">
        <v>11252</v>
      </c>
    </row>
    <row r="30" spans="1:11" ht="10" customHeight="1">
      <c r="A30" s="20"/>
      <c r="B30" s="16"/>
      <c r="C30" s="83" t="s">
        <v>63</v>
      </c>
      <c r="D30" s="85"/>
      <c r="E30" s="13"/>
      <c r="F30" s="13"/>
      <c r="G30" s="13"/>
      <c r="H30" s="13"/>
      <c r="I30" s="13"/>
      <c r="J30" s="13"/>
      <c r="K30" s="44">
        <v>69781</v>
      </c>
    </row>
    <row r="31" spans="1:11" ht="10" customHeight="1">
      <c r="A31" s="20"/>
      <c r="B31" s="16"/>
      <c r="C31" s="83" t="s">
        <v>64</v>
      </c>
      <c r="D31" s="85"/>
      <c r="E31" s="13"/>
      <c r="F31" s="13"/>
      <c r="G31" s="13"/>
      <c r="H31" s="13"/>
      <c r="I31" s="13"/>
      <c r="J31" s="13"/>
      <c r="K31" s="44">
        <v>0</v>
      </c>
    </row>
    <row r="32" spans="1:11" ht="10" customHeight="1">
      <c r="A32" s="20"/>
      <c r="B32" s="16"/>
      <c r="C32" s="83" t="s">
        <v>65</v>
      </c>
      <c r="D32" s="85"/>
      <c r="E32" s="13"/>
      <c r="F32" s="13"/>
      <c r="G32" s="13"/>
      <c r="H32" s="13"/>
      <c r="I32" s="13"/>
      <c r="J32" s="13"/>
      <c r="K32" s="44">
        <v>0</v>
      </c>
    </row>
    <row r="33" spans="1:11" ht="10" customHeight="1">
      <c r="A33" s="20"/>
      <c r="B33" s="88" t="s">
        <v>66</v>
      </c>
      <c r="C33" s="89"/>
      <c r="D33" s="90"/>
      <c r="E33" s="13"/>
      <c r="F33" s="13"/>
      <c r="G33" s="13"/>
      <c r="H33" s="13"/>
      <c r="I33" s="13"/>
      <c r="J33" s="13"/>
      <c r="K33" s="44">
        <v>2543</v>
      </c>
    </row>
    <row r="34" spans="1:11" ht="10" customHeight="1">
      <c r="A34" s="20"/>
      <c r="B34" s="16"/>
      <c r="C34" s="83" t="s">
        <v>67</v>
      </c>
      <c r="D34" s="85"/>
      <c r="E34" s="13"/>
      <c r="F34" s="13"/>
      <c r="G34" s="13"/>
      <c r="H34" s="13"/>
      <c r="I34" s="13"/>
      <c r="J34" s="13"/>
      <c r="K34" s="44">
        <v>2185</v>
      </c>
    </row>
    <row r="35" spans="1:11" ht="10" customHeight="1">
      <c r="A35" s="20"/>
      <c r="B35" s="16"/>
      <c r="C35" s="83" t="s">
        <v>68</v>
      </c>
      <c r="D35" s="85"/>
      <c r="E35" s="13"/>
      <c r="F35" s="13"/>
      <c r="G35" s="13"/>
      <c r="H35" s="13"/>
      <c r="I35" s="13"/>
      <c r="J35" s="13"/>
      <c r="K35" s="44">
        <v>0</v>
      </c>
    </row>
    <row r="36" spans="1:11" ht="10" customHeight="1">
      <c r="A36" s="20"/>
      <c r="B36" s="16"/>
      <c r="C36" s="83" t="s">
        <v>60</v>
      </c>
      <c r="D36" s="85"/>
      <c r="E36" s="13"/>
      <c r="F36" s="13"/>
      <c r="G36" s="13"/>
      <c r="H36" s="13"/>
      <c r="I36" s="13"/>
      <c r="J36" s="13"/>
      <c r="K36" s="44">
        <v>0</v>
      </c>
    </row>
    <row r="37" spans="1:11" ht="10" customHeight="1">
      <c r="A37" s="20"/>
      <c r="B37" s="16"/>
      <c r="C37" s="83" t="s">
        <v>69</v>
      </c>
      <c r="D37" s="85"/>
      <c r="E37" s="13"/>
      <c r="F37" s="13"/>
      <c r="G37" s="13"/>
      <c r="H37" s="13"/>
      <c r="I37" s="13"/>
      <c r="J37" s="13"/>
      <c r="K37" s="44">
        <v>0</v>
      </c>
    </row>
    <row r="38" spans="1:11" ht="10" customHeight="1">
      <c r="A38" s="20"/>
      <c r="B38" s="16"/>
      <c r="C38" s="83" t="s">
        <v>70</v>
      </c>
      <c r="D38" s="85"/>
      <c r="E38" s="13"/>
      <c r="F38" s="13"/>
      <c r="G38" s="13"/>
      <c r="H38" s="13"/>
      <c r="I38" s="13"/>
      <c r="J38" s="13"/>
      <c r="K38" s="44">
        <v>358</v>
      </c>
    </row>
    <row r="39" spans="1:11" ht="10" customHeight="1">
      <c r="A39" s="20"/>
      <c r="B39" s="88" t="s">
        <v>71</v>
      </c>
      <c r="C39" s="89"/>
      <c r="D39" s="90"/>
      <c r="E39" s="13"/>
      <c r="F39" s="13"/>
      <c r="G39" s="13"/>
      <c r="H39" s="13"/>
      <c r="I39" s="13"/>
      <c r="J39" s="13"/>
      <c r="K39" s="44">
        <v>0</v>
      </c>
    </row>
    <row r="40" spans="1:11" ht="10" customHeight="1">
      <c r="A40" s="20"/>
      <c r="B40" s="16"/>
      <c r="C40" s="83" t="s">
        <v>72</v>
      </c>
      <c r="D40" s="85"/>
      <c r="E40" s="13"/>
      <c r="F40" s="13"/>
      <c r="G40" s="13"/>
      <c r="H40" s="13"/>
      <c r="I40" s="13"/>
      <c r="J40" s="13"/>
      <c r="K40" s="44">
        <v>0</v>
      </c>
    </row>
    <row r="41" spans="1:11" ht="10" customHeight="1">
      <c r="A41" s="20"/>
      <c r="B41" s="16"/>
      <c r="C41" s="88" t="s">
        <v>47</v>
      </c>
      <c r="D41" s="90"/>
      <c r="E41" s="13"/>
      <c r="F41" s="13"/>
      <c r="G41" s="13"/>
      <c r="H41" s="13"/>
      <c r="I41" s="13"/>
      <c r="J41" s="13"/>
      <c r="K41" s="44">
        <v>0</v>
      </c>
    </row>
    <row r="42" spans="1:11" ht="10" customHeight="1">
      <c r="A42" s="105" t="s">
        <v>73</v>
      </c>
      <c r="B42" s="84"/>
      <c r="C42" s="84"/>
      <c r="D42" s="85"/>
      <c r="E42" s="13"/>
      <c r="F42" s="13"/>
      <c r="G42" s="13"/>
      <c r="H42" s="13"/>
      <c r="I42" s="13"/>
      <c r="J42" s="13"/>
      <c r="K42" s="44">
        <v>11081</v>
      </c>
    </row>
    <row r="43" spans="1:11" ht="10" customHeight="1">
      <c r="A43" s="105" t="s">
        <v>217</v>
      </c>
      <c r="B43" s="84"/>
      <c r="C43" s="84"/>
      <c r="D43" s="85"/>
      <c r="E43" s="13"/>
      <c r="F43" s="13"/>
      <c r="G43" s="13"/>
      <c r="H43" s="13"/>
      <c r="I43" s="13"/>
      <c r="J43" s="13"/>
      <c r="K43" s="63">
        <v>0</v>
      </c>
    </row>
    <row r="44" spans="1:11" ht="10" customHeight="1">
      <c r="A44" s="112" t="s">
        <v>74</v>
      </c>
      <c r="B44" s="113"/>
      <c r="C44" s="113"/>
      <c r="D44" s="114"/>
      <c r="E44" s="13"/>
      <c r="F44" s="13"/>
      <c r="G44" s="13"/>
      <c r="H44" s="13"/>
      <c r="I44" s="13"/>
      <c r="J44" s="13"/>
      <c r="K44" s="44">
        <v>11081</v>
      </c>
    </row>
    <row r="45" spans="1:11" ht="10" customHeight="1">
      <c r="A45" s="106" t="s">
        <v>218</v>
      </c>
      <c r="B45" s="89"/>
      <c r="C45" s="89"/>
      <c r="D45" s="90"/>
      <c r="E45" s="13"/>
      <c r="F45" s="13"/>
      <c r="G45" s="13"/>
      <c r="H45" s="13"/>
      <c r="I45" s="13"/>
      <c r="J45" s="13"/>
      <c r="K45" s="63">
        <v>0</v>
      </c>
    </row>
    <row r="46" spans="1:11" ht="10" customHeight="1">
      <c r="A46" s="105" t="s">
        <v>75</v>
      </c>
      <c r="B46" s="84"/>
      <c r="C46" s="84"/>
      <c r="D46" s="85"/>
      <c r="E46" s="13"/>
      <c r="F46" s="13"/>
      <c r="G46" s="13"/>
      <c r="H46" s="13"/>
      <c r="I46" s="13"/>
      <c r="J46" s="13"/>
      <c r="K46" s="44">
        <v>17214</v>
      </c>
    </row>
    <row r="47" spans="1:11" ht="10" customHeight="1">
      <c r="A47" s="105" t="s">
        <v>82</v>
      </c>
      <c r="B47" s="84"/>
      <c r="C47" s="84"/>
      <c r="D47" s="85"/>
      <c r="E47" s="13"/>
      <c r="F47" s="13"/>
      <c r="G47" s="13"/>
      <c r="H47" s="13"/>
      <c r="I47" s="13"/>
      <c r="J47" s="13"/>
      <c r="K47" s="44">
        <v>0</v>
      </c>
    </row>
    <row r="48" spans="1:11" ht="10" customHeight="1">
      <c r="A48" s="105" t="s">
        <v>76</v>
      </c>
      <c r="B48" s="84"/>
      <c r="C48" s="84"/>
      <c r="D48" s="85"/>
      <c r="E48" s="13"/>
      <c r="F48" s="13"/>
      <c r="G48" s="13"/>
      <c r="H48" s="13"/>
      <c r="I48" s="13"/>
      <c r="J48" s="13"/>
      <c r="K48" s="44">
        <v>28295</v>
      </c>
    </row>
    <row r="49" spans="1:11" ht="10" customHeight="1">
      <c r="A49" s="112" t="s">
        <v>77</v>
      </c>
      <c r="B49" s="113"/>
      <c r="C49" s="113"/>
      <c r="D49" s="114"/>
      <c r="E49" s="13"/>
      <c r="F49" s="13"/>
      <c r="G49" s="13"/>
      <c r="H49" s="13"/>
      <c r="I49" s="13"/>
      <c r="J49" s="13"/>
      <c r="K49" s="44">
        <v>0</v>
      </c>
    </row>
    <row r="50" spans="1:11" ht="10" customHeight="1">
      <c r="A50" s="105" t="s">
        <v>78</v>
      </c>
      <c r="B50" s="84"/>
      <c r="C50" s="84"/>
      <c r="D50" s="85"/>
      <c r="E50" s="13"/>
      <c r="F50" s="13"/>
      <c r="G50" s="13"/>
      <c r="H50" s="13"/>
      <c r="I50" s="13"/>
      <c r="J50" s="13"/>
      <c r="K50" s="44">
        <v>0</v>
      </c>
    </row>
    <row r="51" spans="1:11" ht="10" customHeight="1">
      <c r="A51" s="106" t="s">
        <v>83</v>
      </c>
      <c r="B51" s="89"/>
      <c r="C51" s="89"/>
      <c r="D51" s="90"/>
      <c r="E51" s="13"/>
      <c r="F51" s="13"/>
      <c r="G51" s="13"/>
      <c r="H51" s="13"/>
      <c r="I51" s="13"/>
      <c r="J51" s="13"/>
      <c r="K51" s="44">
        <v>58361</v>
      </c>
    </row>
    <row r="52" spans="1:11" ht="10" customHeight="1">
      <c r="A52" s="20"/>
      <c r="B52" s="86" t="s">
        <v>84</v>
      </c>
      <c r="C52" s="84"/>
      <c r="D52" s="85"/>
      <c r="E52" s="13"/>
      <c r="F52" s="13"/>
      <c r="G52" s="13"/>
      <c r="H52" s="13"/>
      <c r="I52" s="13"/>
      <c r="J52" s="13"/>
      <c r="K52" s="44">
        <v>1126</v>
      </c>
    </row>
    <row r="53" spans="1:11" ht="10" customHeight="1">
      <c r="A53" s="20"/>
      <c r="B53" s="115" t="s">
        <v>85</v>
      </c>
      <c r="C53" s="89"/>
      <c r="D53" s="90"/>
      <c r="E53" s="13"/>
      <c r="F53" s="13"/>
      <c r="G53" s="13"/>
      <c r="H53" s="13"/>
      <c r="I53" s="13"/>
      <c r="J53" s="13"/>
      <c r="K53" s="44">
        <v>57235</v>
      </c>
    </row>
    <row r="54" spans="1:11" ht="10" customHeight="1">
      <c r="A54" s="20"/>
      <c r="B54" s="16"/>
      <c r="C54" s="86" t="s">
        <v>86</v>
      </c>
      <c r="D54" s="85"/>
      <c r="E54" s="13"/>
      <c r="F54" s="13"/>
      <c r="G54" s="13"/>
      <c r="H54" s="13"/>
      <c r="I54" s="13"/>
      <c r="J54" s="13"/>
      <c r="K54" s="44">
        <v>0</v>
      </c>
    </row>
    <row r="55" spans="1:11" ht="10" customHeight="1">
      <c r="A55" s="58"/>
      <c r="B55" s="59"/>
      <c r="C55" s="111" t="s">
        <v>87</v>
      </c>
      <c r="D55" s="109"/>
      <c r="E55" s="13"/>
      <c r="F55" s="13"/>
      <c r="G55" s="13"/>
      <c r="H55" s="13"/>
      <c r="I55" s="13"/>
      <c r="J55" s="13"/>
      <c r="K55" s="45">
        <v>57235</v>
      </c>
    </row>
    <row r="56" spans="1:11" ht="10" customHeight="1">
      <c r="K56" s="57"/>
    </row>
    <row r="57" spans="1:11" ht="10" customHeight="1">
      <c r="A57" s="110" t="s">
        <v>210</v>
      </c>
      <c r="B57" s="110"/>
      <c r="C57" s="110"/>
      <c r="D57" s="110"/>
      <c r="K57" s="46"/>
    </row>
    <row r="58" spans="1:11" ht="10" customHeight="1">
      <c r="A58" s="102" t="s">
        <v>88</v>
      </c>
      <c r="B58" s="103"/>
      <c r="C58" s="103"/>
      <c r="D58" s="104"/>
      <c r="E58" s="13"/>
      <c r="F58" s="13"/>
      <c r="G58" s="13"/>
      <c r="H58" s="13"/>
      <c r="I58" s="13"/>
      <c r="J58" s="13"/>
      <c r="K58" s="47">
        <v>38811</v>
      </c>
    </row>
    <row r="59" spans="1:11" ht="10" customHeight="1">
      <c r="A59" s="105" t="s">
        <v>89</v>
      </c>
      <c r="B59" s="84"/>
      <c r="C59" s="84"/>
      <c r="D59" s="85"/>
      <c r="E59" s="13"/>
      <c r="F59" s="13"/>
      <c r="G59" s="13"/>
      <c r="H59" s="13"/>
      <c r="I59" s="13"/>
      <c r="J59" s="13"/>
      <c r="K59" s="47">
        <v>-55750</v>
      </c>
    </row>
    <row r="60" spans="1:11" ht="10" customHeight="1">
      <c r="A60" s="105" t="s">
        <v>90</v>
      </c>
      <c r="B60" s="84"/>
      <c r="C60" s="84"/>
      <c r="D60" s="85"/>
      <c r="E60" s="13"/>
      <c r="F60" s="13"/>
      <c r="G60" s="13"/>
      <c r="H60" s="13"/>
      <c r="I60" s="13"/>
      <c r="J60" s="13"/>
      <c r="K60" s="47">
        <v>38802</v>
      </c>
    </row>
    <row r="61" spans="1:11" ht="10" customHeight="1">
      <c r="A61" s="105" t="s">
        <v>91</v>
      </c>
      <c r="B61" s="84"/>
      <c r="C61" s="84"/>
      <c r="D61" s="85"/>
      <c r="E61" s="13"/>
      <c r="F61" s="13"/>
      <c r="G61" s="13"/>
      <c r="H61" s="13"/>
      <c r="I61" s="13"/>
      <c r="J61" s="13"/>
      <c r="K61" s="47">
        <v>0</v>
      </c>
    </row>
    <row r="62" spans="1:11" ht="10" customHeight="1">
      <c r="A62" s="105" t="s">
        <v>92</v>
      </c>
      <c r="B62" s="84"/>
      <c r="C62" s="84"/>
      <c r="D62" s="85"/>
      <c r="E62" s="13"/>
      <c r="F62" s="13"/>
      <c r="G62" s="13"/>
      <c r="H62" s="13"/>
      <c r="I62" s="13"/>
      <c r="J62" s="13"/>
      <c r="K62" s="47">
        <v>21863</v>
      </c>
    </row>
    <row r="63" spans="1:11" ht="10" customHeight="1">
      <c r="A63" s="105" t="s">
        <v>93</v>
      </c>
      <c r="B63" s="84"/>
      <c r="C63" s="84"/>
      <c r="D63" s="85"/>
      <c r="E63" s="13"/>
      <c r="F63" s="13"/>
      <c r="G63" s="13"/>
      <c r="H63" s="13"/>
      <c r="I63" s="13"/>
      <c r="J63" s="13"/>
      <c r="K63" s="47">
        <v>39421</v>
      </c>
    </row>
    <row r="64" spans="1:11" ht="10" customHeight="1">
      <c r="A64" s="107" t="s">
        <v>94</v>
      </c>
      <c r="B64" s="108"/>
      <c r="C64" s="108"/>
      <c r="D64" s="109"/>
      <c r="E64" s="13"/>
      <c r="F64" s="13"/>
      <c r="G64" s="13"/>
      <c r="H64" s="13"/>
      <c r="I64" s="13"/>
      <c r="J64" s="13"/>
      <c r="K64" s="47">
        <v>61284</v>
      </c>
    </row>
    <row r="65" spans="11:11" ht="10" customHeight="1">
      <c r="K65" s="40"/>
    </row>
  </sheetData>
  <mergeCells count="60">
    <mergeCell ref="A1:D2"/>
    <mergeCell ref="C7:D7"/>
    <mergeCell ref="A3:D3"/>
    <mergeCell ref="B4:D4"/>
    <mergeCell ref="C5:D5"/>
    <mergeCell ref="C6:D6"/>
    <mergeCell ref="A23:D23"/>
    <mergeCell ref="B10:D10"/>
    <mergeCell ref="C11:D11"/>
    <mergeCell ref="C12:D12"/>
    <mergeCell ref="C13:D13"/>
    <mergeCell ref="C14:D14"/>
    <mergeCell ref="C15:D15"/>
    <mergeCell ref="C18:D18"/>
    <mergeCell ref="B19:D19"/>
    <mergeCell ref="C20:D20"/>
    <mergeCell ref="C21:D21"/>
    <mergeCell ref="C22:D22"/>
    <mergeCell ref="C16:D16"/>
    <mergeCell ref="C17:D17"/>
    <mergeCell ref="C35:D35"/>
    <mergeCell ref="B24:D24"/>
    <mergeCell ref="C25:D25"/>
    <mergeCell ref="C26:D26"/>
    <mergeCell ref="C27:D27"/>
    <mergeCell ref="C28:D28"/>
    <mergeCell ref="C29:D29"/>
    <mergeCell ref="C30:D30"/>
    <mergeCell ref="C31:D31"/>
    <mergeCell ref="C32:D32"/>
    <mergeCell ref="B33:D33"/>
    <mergeCell ref="C34:D34"/>
    <mergeCell ref="A48:D48"/>
    <mergeCell ref="C36:D36"/>
    <mergeCell ref="C37:D37"/>
    <mergeCell ref="C38:D38"/>
    <mergeCell ref="B39:D39"/>
    <mergeCell ref="C40:D40"/>
    <mergeCell ref="C41:D41"/>
    <mergeCell ref="A42:D42"/>
    <mergeCell ref="A43:D43"/>
    <mergeCell ref="A44:D44"/>
    <mergeCell ref="A45:D45"/>
    <mergeCell ref="A46:D46"/>
    <mergeCell ref="A47:D47"/>
    <mergeCell ref="C55:D55"/>
    <mergeCell ref="A49:D49"/>
    <mergeCell ref="A50:D50"/>
    <mergeCell ref="A51:D51"/>
    <mergeCell ref="B52:D52"/>
    <mergeCell ref="B53:D53"/>
    <mergeCell ref="C54:D54"/>
    <mergeCell ref="A61:D61"/>
    <mergeCell ref="A62:D62"/>
    <mergeCell ref="A63:D63"/>
    <mergeCell ref="A64:D64"/>
    <mergeCell ref="A57:D57"/>
    <mergeCell ref="A58:D58"/>
    <mergeCell ref="A59:D59"/>
    <mergeCell ref="A60:D60"/>
  </mergeCells>
  <phoneticPr fontId="3"/>
  <conditionalFormatting sqref="K3:K64">
    <cfRule type="cellIs" dxfId="3" priority="61" stopIfTrue="1" operator="equal">
      <formula>0</formula>
    </cfRule>
  </conditionalFormatting>
  <pageMargins left="0.78740157480314965" right="0.78740157480314965" top="1.2598425196850394" bottom="0.78740157480314965" header="0.51181102362204722" footer="0.51181102362204722"/>
  <pageSetup paperSize="9" scale="95" firstPageNumber="153" orientation="portrait" useFirstPageNumber="1" r:id="rId1"/>
  <headerFooter>
    <oddHeader>&amp;L&amp;"ＭＳ ゴシック,標準"Ⅳ　令和６年度地方公営企業事業別決算状況
　２　簡易水道事業（法適用事業）&amp;R&amp;"ＭＳ ゴシック,標準"
&amp;A</oddHeader>
    <oddFooter xml:space="preserve">&amp;C&amp;"ＭＳ ゴシック,標準"&amp;9 &amp;P 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/>
  <dimension ref="A1:K72"/>
  <sheetViews>
    <sheetView view="pageBreakPreview" zoomScaleNormal="110" zoomScaleSheetLayoutView="100" workbookViewId="0">
      <selection sqref="A1:F2"/>
    </sheetView>
  </sheetViews>
  <sheetFormatPr defaultColWidth="9.58203125" defaultRowHeight="10" customHeight="1"/>
  <cols>
    <col min="1" max="5" width="1.58203125" style="18" customWidth="1"/>
    <col min="6" max="6" width="18.5" style="18" customWidth="1"/>
    <col min="7" max="10" width="9.58203125" style="18" hidden="1" customWidth="1"/>
    <col min="11" max="11" width="9.58203125" style="18" customWidth="1"/>
    <col min="12" max="16384" width="9.58203125" style="18"/>
  </cols>
  <sheetData>
    <row r="1" spans="1:11" ht="10" customHeight="1">
      <c r="A1" s="94" t="s">
        <v>191</v>
      </c>
      <c r="B1" s="95"/>
      <c r="C1" s="95"/>
      <c r="D1" s="95"/>
      <c r="E1" s="95"/>
      <c r="F1" s="96"/>
      <c r="G1" s="1"/>
      <c r="H1" s="1"/>
      <c r="I1" s="1"/>
      <c r="J1" s="1"/>
      <c r="K1" s="24" t="s">
        <v>230</v>
      </c>
    </row>
    <row r="2" spans="1:11" ht="10" customHeight="1">
      <c r="A2" s="97"/>
      <c r="B2" s="98"/>
      <c r="C2" s="98"/>
      <c r="D2" s="98"/>
      <c r="E2" s="98"/>
      <c r="F2" s="99"/>
      <c r="G2" s="19"/>
      <c r="H2" s="19"/>
      <c r="I2" s="19"/>
      <c r="J2" s="19"/>
      <c r="K2" s="25" t="s">
        <v>40</v>
      </c>
    </row>
    <row r="3" spans="1:11" ht="10" customHeight="1">
      <c r="A3" s="128" t="s">
        <v>128</v>
      </c>
      <c r="B3" s="129" t="s">
        <v>96</v>
      </c>
      <c r="C3" s="120"/>
      <c r="D3" s="120"/>
      <c r="E3" s="120"/>
      <c r="F3" s="121"/>
      <c r="G3" s="26"/>
      <c r="H3" s="26"/>
      <c r="I3" s="26"/>
      <c r="J3" s="26"/>
      <c r="K3" s="43">
        <v>1463298</v>
      </c>
    </row>
    <row r="4" spans="1:11" ht="10" customHeight="1">
      <c r="A4" s="75"/>
      <c r="B4" s="16"/>
      <c r="C4" s="88" t="s">
        <v>97</v>
      </c>
      <c r="D4" s="89"/>
      <c r="E4" s="89"/>
      <c r="F4" s="90"/>
      <c r="G4" s="27"/>
      <c r="H4" s="27"/>
      <c r="I4" s="27"/>
      <c r="J4" s="27"/>
      <c r="K4" s="44">
        <v>1462258</v>
      </c>
    </row>
    <row r="5" spans="1:11" ht="10" customHeight="1">
      <c r="A5" s="75"/>
      <c r="B5" s="16"/>
      <c r="C5" s="16"/>
      <c r="D5" s="83" t="s">
        <v>98</v>
      </c>
      <c r="E5" s="84"/>
      <c r="F5" s="85"/>
      <c r="G5" s="27"/>
      <c r="H5" s="27"/>
      <c r="I5" s="27"/>
      <c r="J5" s="27"/>
      <c r="K5" s="44">
        <v>2556</v>
      </c>
    </row>
    <row r="6" spans="1:11" ht="10" customHeight="1">
      <c r="A6" s="75"/>
      <c r="B6" s="16"/>
      <c r="C6" s="16"/>
      <c r="D6" s="83" t="s">
        <v>99</v>
      </c>
      <c r="E6" s="84"/>
      <c r="F6" s="85"/>
      <c r="G6" s="27"/>
      <c r="H6" s="27"/>
      <c r="I6" s="27"/>
      <c r="J6" s="27"/>
      <c r="K6" s="44">
        <v>5657699</v>
      </c>
    </row>
    <row r="7" spans="1:11" ht="10" customHeight="1">
      <c r="A7" s="75"/>
      <c r="B7" s="16"/>
      <c r="C7" s="16"/>
      <c r="D7" s="83" t="s">
        <v>129</v>
      </c>
      <c r="E7" s="84"/>
      <c r="F7" s="85"/>
      <c r="G7" s="27"/>
      <c r="H7" s="27"/>
      <c r="I7" s="27"/>
      <c r="J7" s="27"/>
      <c r="K7" s="44">
        <v>0</v>
      </c>
    </row>
    <row r="8" spans="1:11" ht="10" customHeight="1">
      <c r="A8" s="75"/>
      <c r="B8" s="16"/>
      <c r="C8" s="16"/>
      <c r="D8" s="83" t="s">
        <v>219</v>
      </c>
      <c r="E8" s="84"/>
      <c r="F8" s="85"/>
      <c r="G8" s="27"/>
      <c r="H8" s="27"/>
      <c r="I8" s="27"/>
      <c r="J8" s="27"/>
      <c r="K8" s="64">
        <v>4197997</v>
      </c>
    </row>
    <row r="9" spans="1:11" ht="10" customHeight="1">
      <c r="A9" s="75"/>
      <c r="B9" s="16"/>
      <c r="C9" s="16"/>
      <c r="D9" s="83" t="s">
        <v>220</v>
      </c>
      <c r="E9" s="84"/>
      <c r="F9" s="85"/>
      <c r="G9" s="27"/>
      <c r="H9" s="27"/>
      <c r="I9" s="27"/>
      <c r="J9" s="27"/>
      <c r="K9" s="64">
        <v>0</v>
      </c>
    </row>
    <row r="10" spans="1:11" ht="10" customHeight="1">
      <c r="A10" s="75"/>
      <c r="B10" s="16"/>
      <c r="C10" s="16"/>
      <c r="D10" s="83" t="s">
        <v>100</v>
      </c>
      <c r="E10" s="84"/>
      <c r="F10" s="85"/>
      <c r="G10" s="27"/>
      <c r="H10" s="27"/>
      <c r="I10" s="27"/>
      <c r="J10" s="27"/>
      <c r="K10" s="44">
        <v>0</v>
      </c>
    </row>
    <row r="11" spans="1:11" ht="10" customHeight="1">
      <c r="A11" s="75"/>
      <c r="B11" s="16"/>
      <c r="C11" s="83" t="s">
        <v>101</v>
      </c>
      <c r="D11" s="84"/>
      <c r="E11" s="84"/>
      <c r="F11" s="85"/>
      <c r="G11" s="27"/>
      <c r="H11" s="27"/>
      <c r="I11" s="27"/>
      <c r="J11" s="27"/>
      <c r="K11" s="44">
        <v>1040</v>
      </c>
    </row>
    <row r="12" spans="1:11" ht="10" customHeight="1">
      <c r="A12" s="75"/>
      <c r="B12" s="17"/>
      <c r="C12" s="83" t="s">
        <v>130</v>
      </c>
      <c r="D12" s="84"/>
      <c r="E12" s="84"/>
      <c r="F12" s="85"/>
      <c r="G12" s="27"/>
      <c r="H12" s="27"/>
      <c r="I12" s="27"/>
      <c r="J12" s="27"/>
      <c r="K12" s="44">
        <v>0</v>
      </c>
    </row>
    <row r="13" spans="1:11" ht="10" customHeight="1">
      <c r="A13" s="75"/>
      <c r="B13" s="88" t="s">
        <v>102</v>
      </c>
      <c r="C13" s="89"/>
      <c r="D13" s="89"/>
      <c r="E13" s="89"/>
      <c r="F13" s="90"/>
      <c r="G13" s="27"/>
      <c r="H13" s="27"/>
      <c r="I13" s="27"/>
      <c r="J13" s="27"/>
      <c r="K13" s="44">
        <v>71793</v>
      </c>
    </row>
    <row r="14" spans="1:11" ht="10" customHeight="1">
      <c r="A14" s="75"/>
      <c r="B14" s="16"/>
      <c r="C14" s="83" t="s">
        <v>103</v>
      </c>
      <c r="D14" s="84"/>
      <c r="E14" s="84"/>
      <c r="F14" s="85"/>
      <c r="G14" s="27"/>
      <c r="H14" s="27"/>
      <c r="I14" s="27"/>
      <c r="J14" s="27"/>
      <c r="K14" s="44">
        <v>61284</v>
      </c>
    </row>
    <row r="15" spans="1:11" ht="10" customHeight="1">
      <c r="A15" s="75"/>
      <c r="B15" s="16"/>
      <c r="C15" s="83" t="s">
        <v>202</v>
      </c>
      <c r="D15" s="84"/>
      <c r="E15" s="84"/>
      <c r="F15" s="85"/>
      <c r="G15" s="27"/>
      <c r="H15" s="27"/>
      <c r="I15" s="27"/>
      <c r="J15" s="27"/>
      <c r="K15" s="44">
        <v>7613</v>
      </c>
    </row>
    <row r="16" spans="1:11" ht="10" customHeight="1">
      <c r="A16" s="75"/>
      <c r="B16" s="16"/>
      <c r="C16" s="83" t="s">
        <v>221</v>
      </c>
      <c r="D16" s="84"/>
      <c r="E16" s="84"/>
      <c r="F16" s="85"/>
      <c r="G16" s="27"/>
      <c r="H16" s="27"/>
      <c r="I16" s="27"/>
      <c r="J16" s="27"/>
      <c r="K16" s="64">
        <v>0</v>
      </c>
    </row>
    <row r="17" spans="1:11" ht="10" customHeight="1">
      <c r="A17" s="75"/>
      <c r="B17" s="16"/>
      <c r="C17" s="83" t="s">
        <v>104</v>
      </c>
      <c r="D17" s="84"/>
      <c r="E17" s="84"/>
      <c r="F17" s="85"/>
      <c r="G17" s="27"/>
      <c r="H17" s="27"/>
      <c r="I17" s="27"/>
      <c r="J17" s="27"/>
      <c r="K17" s="44">
        <v>2896</v>
      </c>
    </row>
    <row r="18" spans="1:11" ht="10" customHeight="1">
      <c r="A18" s="75"/>
      <c r="B18" s="17"/>
      <c r="C18" s="83" t="s">
        <v>105</v>
      </c>
      <c r="D18" s="84"/>
      <c r="E18" s="84"/>
      <c r="F18" s="85"/>
      <c r="G18" s="27"/>
      <c r="H18" s="27"/>
      <c r="I18" s="27"/>
      <c r="J18" s="27"/>
      <c r="K18" s="44">
        <v>0</v>
      </c>
    </row>
    <row r="19" spans="1:11" ht="10" customHeight="1">
      <c r="A19" s="75"/>
      <c r="B19" s="83" t="s">
        <v>131</v>
      </c>
      <c r="C19" s="84"/>
      <c r="D19" s="84"/>
      <c r="E19" s="84"/>
      <c r="F19" s="85"/>
      <c r="G19" s="27"/>
      <c r="H19" s="27"/>
      <c r="I19" s="27"/>
      <c r="J19" s="27"/>
      <c r="K19" s="44">
        <v>0</v>
      </c>
    </row>
    <row r="20" spans="1:11" ht="10" customHeight="1">
      <c r="A20" s="76"/>
      <c r="B20" s="83" t="s">
        <v>24</v>
      </c>
      <c r="C20" s="84"/>
      <c r="D20" s="84"/>
      <c r="E20" s="84"/>
      <c r="F20" s="85"/>
      <c r="G20" s="27"/>
      <c r="H20" s="27"/>
      <c r="I20" s="27"/>
      <c r="J20" s="27"/>
      <c r="K20" s="44">
        <v>1535091</v>
      </c>
    </row>
    <row r="21" spans="1:11" ht="10" customHeight="1">
      <c r="A21" s="74" t="s">
        <v>132</v>
      </c>
      <c r="B21" s="88" t="s">
        <v>106</v>
      </c>
      <c r="C21" s="89"/>
      <c r="D21" s="89"/>
      <c r="E21" s="89"/>
      <c r="F21" s="90"/>
      <c r="G21" s="27"/>
      <c r="H21" s="27"/>
      <c r="I21" s="27"/>
      <c r="J21" s="27"/>
      <c r="K21" s="44">
        <v>144758</v>
      </c>
    </row>
    <row r="22" spans="1:11" ht="10" customHeight="1">
      <c r="A22" s="75"/>
      <c r="B22" s="35"/>
      <c r="C22" s="83" t="s">
        <v>133</v>
      </c>
      <c r="D22" s="84"/>
      <c r="E22" s="84"/>
      <c r="F22" s="85"/>
      <c r="G22" s="27"/>
      <c r="H22" s="27"/>
      <c r="I22" s="27"/>
      <c r="J22" s="27"/>
      <c r="K22" s="44">
        <v>144718</v>
      </c>
    </row>
    <row r="23" spans="1:11" ht="10" customHeight="1">
      <c r="A23" s="75"/>
      <c r="B23" s="16"/>
      <c r="C23" s="83" t="s">
        <v>134</v>
      </c>
      <c r="D23" s="84"/>
      <c r="E23" s="84"/>
      <c r="F23" s="85"/>
      <c r="G23" s="27"/>
      <c r="H23" s="27"/>
      <c r="I23" s="27"/>
      <c r="J23" s="27"/>
      <c r="K23" s="44">
        <v>0</v>
      </c>
    </row>
    <row r="24" spans="1:11" ht="10" customHeight="1">
      <c r="A24" s="75"/>
      <c r="B24" s="16"/>
      <c r="C24" s="83" t="s">
        <v>107</v>
      </c>
      <c r="D24" s="84"/>
      <c r="E24" s="84"/>
      <c r="F24" s="85"/>
      <c r="G24" s="27"/>
      <c r="H24" s="27"/>
      <c r="I24" s="27"/>
      <c r="J24" s="27"/>
      <c r="K24" s="44">
        <v>0</v>
      </c>
    </row>
    <row r="25" spans="1:11" ht="10" customHeight="1">
      <c r="A25" s="75"/>
      <c r="B25" s="16"/>
      <c r="C25" s="122" t="s">
        <v>135</v>
      </c>
      <c r="D25" s="123"/>
      <c r="E25" s="123"/>
      <c r="F25" s="124"/>
      <c r="G25" s="27"/>
      <c r="H25" s="27"/>
      <c r="I25" s="27"/>
      <c r="J25" s="27"/>
      <c r="K25" s="44">
        <v>0</v>
      </c>
    </row>
    <row r="26" spans="1:11" ht="10" customHeight="1">
      <c r="A26" s="75"/>
      <c r="B26" s="16"/>
      <c r="C26" s="83" t="s">
        <v>136</v>
      </c>
      <c r="D26" s="84"/>
      <c r="E26" s="84"/>
      <c r="F26" s="85"/>
      <c r="G26" s="27"/>
      <c r="H26" s="27"/>
      <c r="I26" s="27"/>
      <c r="J26" s="27"/>
      <c r="K26" s="44">
        <v>0</v>
      </c>
    </row>
    <row r="27" spans="1:11" ht="10" customHeight="1">
      <c r="A27" s="75"/>
      <c r="B27" s="16"/>
      <c r="C27" s="83" t="s">
        <v>137</v>
      </c>
      <c r="D27" s="84"/>
      <c r="E27" s="84"/>
      <c r="F27" s="85"/>
      <c r="G27" s="27"/>
      <c r="H27" s="27"/>
      <c r="I27" s="27"/>
      <c r="J27" s="27"/>
      <c r="K27" s="44">
        <v>0</v>
      </c>
    </row>
    <row r="28" spans="1:11" ht="10" customHeight="1">
      <c r="A28" s="75"/>
      <c r="B28" s="16"/>
      <c r="C28" s="83" t="s">
        <v>138</v>
      </c>
      <c r="D28" s="84"/>
      <c r="E28" s="84"/>
      <c r="F28" s="85"/>
      <c r="G28" s="27"/>
      <c r="H28" s="27"/>
      <c r="I28" s="27"/>
      <c r="J28" s="27"/>
      <c r="K28" s="44">
        <v>0</v>
      </c>
    </row>
    <row r="29" spans="1:11" ht="10" customHeight="1">
      <c r="A29" s="75"/>
      <c r="B29" s="16"/>
      <c r="C29" s="83" t="s">
        <v>139</v>
      </c>
      <c r="D29" s="84"/>
      <c r="E29" s="84"/>
      <c r="F29" s="85"/>
      <c r="G29" s="27"/>
      <c r="H29" s="27"/>
      <c r="I29" s="27"/>
      <c r="J29" s="27"/>
      <c r="K29" s="44">
        <v>40</v>
      </c>
    </row>
    <row r="30" spans="1:11" ht="10" customHeight="1">
      <c r="A30" s="75"/>
      <c r="B30" s="88" t="s">
        <v>108</v>
      </c>
      <c r="C30" s="89"/>
      <c r="D30" s="89"/>
      <c r="E30" s="89"/>
      <c r="F30" s="90"/>
      <c r="G30" s="27"/>
      <c r="H30" s="27"/>
      <c r="I30" s="27"/>
      <c r="J30" s="27"/>
      <c r="K30" s="44">
        <v>45524</v>
      </c>
    </row>
    <row r="31" spans="1:11" ht="10" customHeight="1">
      <c r="A31" s="75"/>
      <c r="B31" s="16"/>
      <c r="C31" s="83" t="s">
        <v>133</v>
      </c>
      <c r="D31" s="84"/>
      <c r="E31" s="84"/>
      <c r="F31" s="85"/>
      <c r="G31" s="27"/>
      <c r="H31" s="27"/>
      <c r="I31" s="27"/>
      <c r="J31" s="27"/>
      <c r="K31" s="44">
        <v>12638</v>
      </c>
    </row>
    <row r="32" spans="1:11" ht="10" customHeight="1">
      <c r="A32" s="75"/>
      <c r="B32" s="16"/>
      <c r="C32" s="83" t="s">
        <v>134</v>
      </c>
      <c r="D32" s="84"/>
      <c r="E32" s="84"/>
      <c r="F32" s="85"/>
      <c r="G32" s="27"/>
      <c r="H32" s="27"/>
      <c r="I32" s="27"/>
      <c r="J32" s="27"/>
      <c r="K32" s="44">
        <v>0</v>
      </c>
    </row>
    <row r="33" spans="1:11" ht="10" customHeight="1">
      <c r="A33" s="75"/>
      <c r="B33" s="16"/>
      <c r="C33" s="122" t="s">
        <v>135</v>
      </c>
      <c r="D33" s="123"/>
      <c r="E33" s="123"/>
      <c r="F33" s="124"/>
      <c r="G33" s="27"/>
      <c r="H33" s="27"/>
      <c r="I33" s="27"/>
      <c r="J33" s="27"/>
      <c r="K33" s="44">
        <v>0</v>
      </c>
    </row>
    <row r="34" spans="1:11" ht="10" customHeight="1">
      <c r="A34" s="75"/>
      <c r="B34" s="16"/>
      <c r="C34" s="83" t="s">
        <v>136</v>
      </c>
      <c r="D34" s="84"/>
      <c r="E34" s="84"/>
      <c r="F34" s="85"/>
      <c r="G34" s="27"/>
      <c r="H34" s="27"/>
      <c r="I34" s="27"/>
      <c r="J34" s="27"/>
      <c r="K34" s="44">
        <v>0</v>
      </c>
    </row>
    <row r="35" spans="1:11" ht="10" customHeight="1">
      <c r="A35" s="75"/>
      <c r="B35" s="16"/>
      <c r="C35" s="83" t="s">
        <v>137</v>
      </c>
      <c r="D35" s="84"/>
      <c r="E35" s="84"/>
      <c r="F35" s="85"/>
      <c r="G35" s="27"/>
      <c r="H35" s="27"/>
      <c r="I35" s="27"/>
      <c r="J35" s="27"/>
      <c r="K35" s="44">
        <v>0</v>
      </c>
    </row>
    <row r="36" spans="1:11" ht="10" customHeight="1">
      <c r="A36" s="75"/>
      <c r="B36" s="16"/>
      <c r="C36" s="83" t="s">
        <v>140</v>
      </c>
      <c r="D36" s="84"/>
      <c r="E36" s="84"/>
      <c r="F36" s="85"/>
      <c r="G36" s="27"/>
      <c r="H36" s="27"/>
      <c r="I36" s="27"/>
      <c r="J36" s="27"/>
      <c r="K36" s="44">
        <v>1040</v>
      </c>
    </row>
    <row r="37" spans="1:11" ht="10" customHeight="1">
      <c r="A37" s="75"/>
      <c r="B37" s="16"/>
      <c r="C37" s="83" t="s">
        <v>141</v>
      </c>
      <c r="D37" s="84"/>
      <c r="E37" s="84"/>
      <c r="F37" s="85"/>
      <c r="G37" s="27"/>
      <c r="H37" s="27"/>
      <c r="I37" s="27"/>
      <c r="J37" s="27"/>
      <c r="K37" s="44">
        <v>0</v>
      </c>
    </row>
    <row r="38" spans="1:11" ht="10" customHeight="1">
      <c r="A38" s="75"/>
      <c r="B38" s="16"/>
      <c r="C38" s="83" t="s">
        <v>203</v>
      </c>
      <c r="D38" s="84"/>
      <c r="E38" s="84"/>
      <c r="F38" s="85"/>
      <c r="G38" s="27"/>
      <c r="H38" s="27"/>
      <c r="I38" s="27"/>
      <c r="J38" s="27"/>
      <c r="K38" s="44">
        <v>31846</v>
      </c>
    </row>
    <row r="39" spans="1:11" ht="10" customHeight="1">
      <c r="A39" s="75"/>
      <c r="B39" s="16"/>
      <c r="C39" s="83" t="s">
        <v>204</v>
      </c>
      <c r="D39" s="84"/>
      <c r="E39" s="84"/>
      <c r="F39" s="85"/>
      <c r="G39" s="27"/>
      <c r="H39" s="27"/>
      <c r="I39" s="27"/>
      <c r="J39" s="27"/>
      <c r="K39" s="44">
        <v>0</v>
      </c>
    </row>
    <row r="40" spans="1:11" ht="10" customHeight="1">
      <c r="A40" s="75"/>
      <c r="B40" s="17"/>
      <c r="C40" s="83" t="s">
        <v>139</v>
      </c>
      <c r="D40" s="84"/>
      <c r="E40" s="84"/>
      <c r="F40" s="85"/>
      <c r="G40" s="27"/>
      <c r="H40" s="27"/>
      <c r="I40" s="27"/>
      <c r="J40" s="27"/>
      <c r="K40" s="44">
        <v>0</v>
      </c>
    </row>
    <row r="41" spans="1:11" ht="10" customHeight="1">
      <c r="A41" s="75"/>
      <c r="B41" s="88" t="s">
        <v>142</v>
      </c>
      <c r="C41" s="84"/>
      <c r="D41" s="84"/>
      <c r="E41" s="84"/>
      <c r="F41" s="85"/>
      <c r="G41" s="27"/>
      <c r="H41" s="27"/>
      <c r="I41" s="27"/>
      <c r="J41" s="27"/>
      <c r="K41" s="44">
        <v>976852</v>
      </c>
    </row>
    <row r="42" spans="1:11" ht="10" customHeight="1">
      <c r="A42" s="75"/>
      <c r="B42" s="66"/>
      <c r="C42" s="83" t="s">
        <v>209</v>
      </c>
      <c r="D42" s="84"/>
      <c r="E42" s="84"/>
      <c r="F42" s="85"/>
      <c r="G42" s="27"/>
      <c r="H42" s="27"/>
      <c r="I42" s="27"/>
      <c r="J42" s="27"/>
      <c r="K42" s="44">
        <v>3982229</v>
      </c>
    </row>
    <row r="43" spans="1:11" ht="10" customHeight="1">
      <c r="A43" s="75"/>
      <c r="B43" s="28"/>
      <c r="C43" s="83" t="s">
        <v>222</v>
      </c>
      <c r="D43" s="84"/>
      <c r="E43" s="84"/>
      <c r="F43" s="85"/>
      <c r="G43" s="27"/>
      <c r="H43" s="27"/>
      <c r="I43" s="27"/>
      <c r="J43" s="27"/>
      <c r="K43" s="64">
        <v>3005377</v>
      </c>
    </row>
    <row r="44" spans="1:11" ht="10" customHeight="1">
      <c r="A44" s="76"/>
      <c r="B44" s="83" t="s">
        <v>205</v>
      </c>
      <c r="C44" s="84"/>
      <c r="D44" s="84"/>
      <c r="E44" s="84"/>
      <c r="F44" s="85"/>
      <c r="G44" s="27"/>
      <c r="H44" s="27"/>
      <c r="I44" s="27"/>
      <c r="J44" s="27"/>
      <c r="K44" s="44">
        <v>1167134</v>
      </c>
    </row>
    <row r="45" spans="1:11" ht="10" customHeight="1">
      <c r="A45" s="74" t="s">
        <v>143</v>
      </c>
      <c r="B45" s="88" t="s">
        <v>109</v>
      </c>
      <c r="C45" s="89"/>
      <c r="D45" s="89"/>
      <c r="E45" s="89"/>
      <c r="F45" s="90"/>
      <c r="G45" s="27"/>
      <c r="H45" s="27"/>
      <c r="I45" s="27"/>
      <c r="J45" s="27"/>
      <c r="K45" s="44">
        <v>307456</v>
      </c>
    </row>
    <row r="46" spans="1:11" ht="10" customHeight="1">
      <c r="A46" s="75"/>
      <c r="B46" s="16"/>
      <c r="C46" s="83" t="s">
        <v>110</v>
      </c>
      <c r="D46" s="84"/>
      <c r="E46" s="84"/>
      <c r="F46" s="85"/>
      <c r="G46" s="27"/>
      <c r="H46" s="27"/>
      <c r="I46" s="27"/>
      <c r="J46" s="27"/>
      <c r="K46" s="44">
        <v>307456</v>
      </c>
    </row>
    <row r="47" spans="1:11" ht="10" customHeight="1">
      <c r="A47" s="75"/>
      <c r="B47" s="16"/>
      <c r="C47" s="83" t="s">
        <v>111</v>
      </c>
      <c r="D47" s="84"/>
      <c r="E47" s="84"/>
      <c r="F47" s="85"/>
      <c r="G47" s="27"/>
      <c r="H47" s="27"/>
      <c r="I47" s="27"/>
      <c r="J47" s="27"/>
      <c r="K47" s="44">
        <v>0</v>
      </c>
    </row>
    <row r="48" spans="1:11" ht="10" customHeight="1">
      <c r="A48" s="75"/>
      <c r="B48" s="16"/>
      <c r="C48" s="83" t="s">
        <v>112</v>
      </c>
      <c r="D48" s="84"/>
      <c r="E48" s="84"/>
      <c r="F48" s="85"/>
      <c r="G48" s="27"/>
      <c r="H48" s="27"/>
      <c r="I48" s="27"/>
      <c r="J48" s="27"/>
      <c r="K48" s="44">
        <v>0</v>
      </c>
    </row>
    <row r="49" spans="1:11" ht="10" customHeight="1">
      <c r="A49" s="75"/>
      <c r="B49" s="16"/>
      <c r="C49" s="83" t="s">
        <v>113</v>
      </c>
      <c r="D49" s="84"/>
      <c r="E49" s="84"/>
      <c r="F49" s="85"/>
      <c r="G49" s="27"/>
      <c r="H49" s="27"/>
      <c r="I49" s="27"/>
      <c r="J49" s="27"/>
      <c r="K49" s="44">
        <v>0</v>
      </c>
    </row>
    <row r="50" spans="1:11" ht="10" customHeight="1">
      <c r="A50" s="75"/>
      <c r="B50" s="88" t="s">
        <v>114</v>
      </c>
      <c r="C50" s="89"/>
      <c r="D50" s="89"/>
      <c r="E50" s="89"/>
      <c r="F50" s="90"/>
      <c r="G50" s="27"/>
      <c r="H50" s="27"/>
      <c r="I50" s="27"/>
      <c r="J50" s="27"/>
      <c r="K50" s="44">
        <v>60501</v>
      </c>
    </row>
    <row r="51" spans="1:11" ht="10" customHeight="1">
      <c r="A51" s="75"/>
      <c r="B51" s="16"/>
      <c r="C51" s="88" t="s">
        <v>115</v>
      </c>
      <c r="D51" s="89"/>
      <c r="E51" s="89"/>
      <c r="F51" s="90"/>
      <c r="G51" s="27"/>
      <c r="H51" s="27"/>
      <c r="I51" s="27"/>
      <c r="J51" s="27"/>
      <c r="K51" s="44">
        <v>18974</v>
      </c>
    </row>
    <row r="52" spans="1:11" ht="10" customHeight="1">
      <c r="A52" s="75"/>
      <c r="B52" s="16"/>
      <c r="C52" s="16"/>
      <c r="D52" s="83" t="s">
        <v>50</v>
      </c>
      <c r="E52" s="84"/>
      <c r="F52" s="85"/>
      <c r="G52" s="27"/>
      <c r="H52" s="27"/>
      <c r="I52" s="27"/>
      <c r="J52" s="27"/>
      <c r="K52" s="44">
        <v>0</v>
      </c>
    </row>
    <row r="53" spans="1:11" ht="10" customHeight="1">
      <c r="A53" s="75"/>
      <c r="B53" s="16"/>
      <c r="C53" s="16"/>
      <c r="D53" s="83" t="s">
        <v>116</v>
      </c>
      <c r="E53" s="84"/>
      <c r="F53" s="85"/>
      <c r="G53" s="27"/>
      <c r="H53" s="27"/>
      <c r="I53" s="27"/>
      <c r="J53" s="27"/>
      <c r="K53" s="44">
        <v>0</v>
      </c>
    </row>
    <row r="54" spans="1:11" ht="10" customHeight="1">
      <c r="A54" s="75"/>
      <c r="B54" s="16"/>
      <c r="C54" s="16"/>
      <c r="D54" s="83" t="s">
        <v>117</v>
      </c>
      <c r="E54" s="84"/>
      <c r="F54" s="85"/>
      <c r="G54" s="27"/>
      <c r="H54" s="27"/>
      <c r="I54" s="27"/>
      <c r="J54" s="27"/>
      <c r="K54" s="44">
        <v>0</v>
      </c>
    </row>
    <row r="55" spans="1:11" ht="10" customHeight="1">
      <c r="A55" s="75"/>
      <c r="B55" s="16"/>
      <c r="C55" s="16"/>
      <c r="D55" s="83" t="s">
        <v>118</v>
      </c>
      <c r="E55" s="84"/>
      <c r="F55" s="85"/>
      <c r="G55" s="27"/>
      <c r="H55" s="27"/>
      <c r="I55" s="27"/>
      <c r="J55" s="27"/>
      <c r="K55" s="44">
        <v>0</v>
      </c>
    </row>
    <row r="56" spans="1:11" ht="10" customHeight="1">
      <c r="A56" s="75"/>
      <c r="B56" s="16"/>
      <c r="C56" s="17"/>
      <c r="D56" s="83" t="s">
        <v>47</v>
      </c>
      <c r="E56" s="84"/>
      <c r="F56" s="85"/>
      <c r="G56" s="27"/>
      <c r="H56" s="27"/>
      <c r="I56" s="27"/>
      <c r="J56" s="27"/>
      <c r="K56" s="44">
        <v>18974</v>
      </c>
    </row>
    <row r="57" spans="1:11" ht="10" customHeight="1">
      <c r="A57" s="75"/>
      <c r="B57" s="16"/>
      <c r="C57" s="88" t="s">
        <v>119</v>
      </c>
      <c r="D57" s="89"/>
      <c r="E57" s="89"/>
      <c r="F57" s="90"/>
      <c r="G57" s="27"/>
      <c r="H57" s="27"/>
      <c r="I57" s="27"/>
      <c r="J57" s="27"/>
      <c r="K57" s="44">
        <v>41527</v>
      </c>
    </row>
    <row r="58" spans="1:11" ht="10" customHeight="1">
      <c r="A58" s="75"/>
      <c r="B58" s="16"/>
      <c r="C58" s="16"/>
      <c r="D58" s="83" t="s">
        <v>120</v>
      </c>
      <c r="E58" s="84"/>
      <c r="F58" s="85"/>
      <c r="G58" s="27"/>
      <c r="H58" s="27"/>
      <c r="I58" s="27"/>
      <c r="J58" s="27"/>
      <c r="K58" s="44">
        <v>13232</v>
      </c>
    </row>
    <row r="59" spans="1:11" ht="10" customHeight="1">
      <c r="A59" s="75"/>
      <c r="B59" s="16"/>
      <c r="C59" s="16"/>
      <c r="D59" s="83" t="s">
        <v>121</v>
      </c>
      <c r="E59" s="84"/>
      <c r="F59" s="85"/>
      <c r="G59" s="27"/>
      <c r="H59" s="27"/>
      <c r="I59" s="27"/>
      <c r="J59" s="27"/>
      <c r="K59" s="44">
        <v>0</v>
      </c>
    </row>
    <row r="60" spans="1:11" ht="10" customHeight="1">
      <c r="A60" s="75"/>
      <c r="B60" s="16"/>
      <c r="C60" s="16"/>
      <c r="D60" s="83" t="s">
        <v>122</v>
      </c>
      <c r="E60" s="84"/>
      <c r="F60" s="85"/>
      <c r="G60" s="27"/>
      <c r="H60" s="27"/>
      <c r="I60" s="27"/>
      <c r="J60" s="27"/>
      <c r="K60" s="44">
        <v>0</v>
      </c>
    </row>
    <row r="61" spans="1:11" ht="10" customHeight="1">
      <c r="A61" s="75"/>
      <c r="B61" s="16"/>
      <c r="C61" s="16"/>
      <c r="D61" s="83" t="s">
        <v>123</v>
      </c>
      <c r="E61" s="84"/>
      <c r="F61" s="85"/>
      <c r="G61" s="27"/>
      <c r="H61" s="27"/>
      <c r="I61" s="27"/>
      <c r="J61" s="27"/>
      <c r="K61" s="44">
        <v>0</v>
      </c>
    </row>
    <row r="62" spans="1:11" ht="10" customHeight="1">
      <c r="A62" s="75"/>
      <c r="B62" s="16"/>
      <c r="C62" s="16"/>
      <c r="D62" s="125" t="s">
        <v>144</v>
      </c>
      <c r="E62" s="29" t="s">
        <v>76</v>
      </c>
      <c r="F62" s="14"/>
      <c r="G62" s="27"/>
      <c r="H62" s="27"/>
      <c r="I62" s="27"/>
      <c r="J62" s="27"/>
      <c r="K62" s="44">
        <v>28295</v>
      </c>
    </row>
    <row r="63" spans="1:11" ht="10" customHeight="1">
      <c r="A63" s="75"/>
      <c r="B63" s="16"/>
      <c r="C63" s="16"/>
      <c r="D63" s="126"/>
      <c r="E63" s="29" t="s">
        <v>223</v>
      </c>
      <c r="F63" s="14"/>
      <c r="G63" s="27"/>
      <c r="H63" s="27"/>
      <c r="I63" s="27"/>
      <c r="J63" s="27"/>
      <c r="K63" s="64">
        <v>0</v>
      </c>
    </row>
    <row r="64" spans="1:11" ht="10" customHeight="1">
      <c r="A64" s="75"/>
      <c r="B64" s="16"/>
      <c r="C64" s="16"/>
      <c r="D64" s="126"/>
      <c r="E64" s="125" t="s">
        <v>145</v>
      </c>
      <c r="F64" s="14" t="s">
        <v>146</v>
      </c>
      <c r="G64" s="23"/>
      <c r="H64" s="23"/>
      <c r="I64" s="23"/>
      <c r="J64" s="23"/>
      <c r="K64" s="44">
        <v>11081</v>
      </c>
    </row>
    <row r="65" spans="1:11" ht="10" customHeight="1">
      <c r="A65" s="75"/>
      <c r="B65" s="17"/>
      <c r="C65" s="17"/>
      <c r="D65" s="127"/>
      <c r="E65" s="127"/>
      <c r="F65" s="14" t="s">
        <v>224</v>
      </c>
      <c r="G65" s="23"/>
      <c r="H65" s="23"/>
      <c r="I65" s="23"/>
      <c r="J65" s="23"/>
      <c r="K65" s="64">
        <v>0</v>
      </c>
    </row>
    <row r="66" spans="1:11" ht="10" customHeight="1">
      <c r="A66" s="75"/>
      <c r="B66" s="83" t="s">
        <v>206</v>
      </c>
      <c r="C66" s="84"/>
      <c r="D66" s="84"/>
      <c r="E66" s="84"/>
      <c r="F66" s="85"/>
      <c r="G66" s="23"/>
      <c r="H66" s="23"/>
      <c r="I66" s="23"/>
      <c r="J66" s="23"/>
      <c r="K66" s="44">
        <v>0</v>
      </c>
    </row>
    <row r="67" spans="1:11" ht="10" customHeight="1">
      <c r="A67" s="76"/>
      <c r="B67" s="84" t="s">
        <v>205</v>
      </c>
      <c r="C67" s="84"/>
      <c r="D67" s="84"/>
      <c r="E67" s="84"/>
      <c r="F67" s="85"/>
      <c r="G67" s="27"/>
      <c r="H67" s="27"/>
      <c r="I67" s="27"/>
      <c r="J67" s="27"/>
      <c r="K67" s="44">
        <v>367957</v>
      </c>
    </row>
    <row r="68" spans="1:11" ht="10" customHeight="1">
      <c r="A68" s="105" t="s">
        <v>124</v>
      </c>
      <c r="B68" s="84"/>
      <c r="C68" s="84"/>
      <c r="D68" s="84"/>
      <c r="E68" s="84"/>
      <c r="F68" s="85"/>
      <c r="G68" s="27"/>
      <c r="H68" s="27"/>
      <c r="I68" s="27"/>
      <c r="J68" s="27"/>
      <c r="K68" s="44">
        <v>1535091</v>
      </c>
    </row>
    <row r="69" spans="1:11" ht="10" customHeight="1">
      <c r="A69" s="105" t="s">
        <v>125</v>
      </c>
      <c r="B69" s="84"/>
      <c r="C69" s="84"/>
      <c r="D69" s="84"/>
      <c r="E69" s="84"/>
      <c r="F69" s="85"/>
      <c r="G69" s="27"/>
      <c r="H69" s="27"/>
      <c r="I69" s="27"/>
      <c r="J69" s="27"/>
      <c r="K69" s="44">
        <v>0</v>
      </c>
    </row>
    <row r="70" spans="1:11" ht="10" customHeight="1">
      <c r="A70" s="105" t="s">
        <v>126</v>
      </c>
      <c r="B70" s="84"/>
      <c r="C70" s="84"/>
      <c r="D70" s="84"/>
      <c r="E70" s="84"/>
      <c r="F70" s="85"/>
      <c r="G70" s="27"/>
      <c r="H70" s="27"/>
      <c r="I70" s="27"/>
      <c r="J70" s="27"/>
      <c r="K70" s="44">
        <v>0</v>
      </c>
    </row>
    <row r="71" spans="1:11" ht="10" customHeight="1">
      <c r="A71" s="105" t="s">
        <v>127</v>
      </c>
      <c r="B71" s="84"/>
      <c r="C71" s="84"/>
      <c r="D71" s="84"/>
      <c r="E71" s="84"/>
      <c r="F71" s="85"/>
      <c r="G71" s="27"/>
      <c r="H71" s="27"/>
      <c r="I71" s="27"/>
      <c r="J71" s="27"/>
      <c r="K71" s="44">
        <v>11081</v>
      </c>
    </row>
    <row r="72" spans="1:11" ht="10" customHeight="1">
      <c r="A72" s="107" t="s">
        <v>225</v>
      </c>
      <c r="B72" s="108"/>
      <c r="C72" s="108"/>
      <c r="D72" s="108"/>
      <c r="E72" s="108"/>
      <c r="F72" s="109"/>
      <c r="G72" s="42"/>
      <c r="H72" s="42"/>
      <c r="I72" s="42"/>
      <c r="J72" s="42"/>
      <c r="K72" s="65">
        <v>0</v>
      </c>
    </row>
  </sheetData>
  <mergeCells count="72">
    <mergeCell ref="A3:A20"/>
    <mergeCell ref="B3:F3"/>
    <mergeCell ref="C4:F4"/>
    <mergeCell ref="D5:F5"/>
    <mergeCell ref="D6:F6"/>
    <mergeCell ref="D8:F8"/>
    <mergeCell ref="D10:F10"/>
    <mergeCell ref="C11:F11"/>
    <mergeCell ref="C12:F12"/>
    <mergeCell ref="B13:F13"/>
    <mergeCell ref="C14:F14"/>
    <mergeCell ref="C15:F15"/>
    <mergeCell ref="C17:F17"/>
    <mergeCell ref="B19:F19"/>
    <mergeCell ref="D7:F7"/>
    <mergeCell ref="D9:F9"/>
    <mergeCell ref="A21:A44"/>
    <mergeCell ref="B21:F21"/>
    <mergeCell ref="C23:F23"/>
    <mergeCell ref="C24:F24"/>
    <mergeCell ref="C27:F27"/>
    <mergeCell ref="C28:F28"/>
    <mergeCell ref="B30:F30"/>
    <mergeCell ref="C31:F31"/>
    <mergeCell ref="C40:F40"/>
    <mergeCell ref="B44:F44"/>
    <mergeCell ref="C26:F26"/>
    <mergeCell ref="C29:F29"/>
    <mergeCell ref="C32:F32"/>
    <mergeCell ref="C33:F33"/>
    <mergeCell ref="C34:F34"/>
    <mergeCell ref="C42:F42"/>
    <mergeCell ref="A45:A67"/>
    <mergeCell ref="B45:F45"/>
    <mergeCell ref="B50:F50"/>
    <mergeCell ref="C51:F51"/>
    <mergeCell ref="D52:F52"/>
    <mergeCell ref="D53:F53"/>
    <mergeCell ref="D54:F54"/>
    <mergeCell ref="D55:F55"/>
    <mergeCell ref="A1:F2"/>
    <mergeCell ref="A72:F72"/>
    <mergeCell ref="C57:F57"/>
    <mergeCell ref="D58:F58"/>
    <mergeCell ref="D59:F59"/>
    <mergeCell ref="D60:F60"/>
    <mergeCell ref="D61:F61"/>
    <mergeCell ref="D62:D65"/>
    <mergeCell ref="E64:E65"/>
    <mergeCell ref="B67:F67"/>
    <mergeCell ref="A68:F68"/>
    <mergeCell ref="A69:F69"/>
    <mergeCell ref="A70:F70"/>
    <mergeCell ref="A71:F71"/>
    <mergeCell ref="D56:F56"/>
    <mergeCell ref="C38:F38"/>
    <mergeCell ref="C16:F16"/>
    <mergeCell ref="C22:F22"/>
    <mergeCell ref="C25:F25"/>
    <mergeCell ref="B20:F20"/>
    <mergeCell ref="C18:F18"/>
    <mergeCell ref="C43:F43"/>
    <mergeCell ref="B66:F66"/>
    <mergeCell ref="C35:F35"/>
    <mergeCell ref="C36:F36"/>
    <mergeCell ref="C37:F37"/>
    <mergeCell ref="C39:F39"/>
    <mergeCell ref="B41:F41"/>
    <mergeCell ref="C46:F46"/>
    <mergeCell ref="C47:F47"/>
    <mergeCell ref="C48:F48"/>
    <mergeCell ref="C49:F49"/>
  </mergeCells>
  <phoneticPr fontId="3"/>
  <conditionalFormatting sqref="K3:K72">
    <cfRule type="cellIs" dxfId="2" priority="59" stopIfTrue="1" operator="equal">
      <formula>0</formula>
    </cfRule>
  </conditionalFormatting>
  <pageMargins left="0.78740157480314965" right="0.78740157480314965" top="1.2598425196850394" bottom="0.78740157480314965" header="0.51181102362204722" footer="0.51181102362204722"/>
  <pageSetup paperSize="9" scale="95" firstPageNumber="154" fitToWidth="10" orientation="portrait" useFirstPageNumber="1" r:id="rId1"/>
  <headerFooter>
    <oddHeader>&amp;L&amp;"ＭＳ ゴシック,標準"Ⅳ　令和６年度地方公営企業事業別決算状況
　２　簡易水道事業（法適用事業）&amp;R&amp;"ＭＳ ゴシック,標準"
&amp;A</oddHeader>
    <oddFooter xml:space="preserve">&amp;C&amp;"ＭＳ ゴシック,標準"&amp;9 &amp;P 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4"/>
  <dimension ref="A1:K56"/>
  <sheetViews>
    <sheetView view="pageBreakPreview" zoomScaleNormal="115" zoomScaleSheetLayoutView="100" workbookViewId="0">
      <selection sqref="A1:E2"/>
    </sheetView>
  </sheetViews>
  <sheetFormatPr defaultColWidth="9.58203125" defaultRowHeight="10" customHeight="1"/>
  <cols>
    <col min="1" max="4" width="1.58203125" style="18" customWidth="1"/>
    <col min="5" max="5" width="17" style="18" customWidth="1"/>
    <col min="6" max="10" width="9.58203125" style="18" hidden="1" customWidth="1"/>
    <col min="11" max="13" width="9.58203125" style="18" customWidth="1"/>
    <col min="14" max="16384" width="9.58203125" style="18"/>
  </cols>
  <sheetData>
    <row r="1" spans="1:11" ht="10" customHeight="1">
      <c r="A1" s="94" t="s">
        <v>190</v>
      </c>
      <c r="B1" s="95"/>
      <c r="C1" s="95"/>
      <c r="D1" s="95"/>
      <c r="E1" s="96"/>
      <c r="F1" s="1"/>
      <c r="G1" s="1"/>
      <c r="H1" s="1"/>
      <c r="I1" s="1"/>
      <c r="J1" s="1"/>
      <c r="K1" s="24" t="s">
        <v>230</v>
      </c>
    </row>
    <row r="2" spans="1:11" ht="10" customHeight="1">
      <c r="A2" s="97"/>
      <c r="B2" s="98"/>
      <c r="C2" s="98"/>
      <c r="D2" s="98"/>
      <c r="E2" s="99"/>
      <c r="F2" s="3"/>
      <c r="G2" s="3"/>
      <c r="H2" s="3"/>
      <c r="I2" s="3"/>
      <c r="J2" s="3"/>
      <c r="K2" s="25" t="s">
        <v>40</v>
      </c>
    </row>
    <row r="3" spans="1:11" ht="10" customHeight="1">
      <c r="A3" s="128" t="s">
        <v>147</v>
      </c>
      <c r="B3" s="129" t="s">
        <v>148</v>
      </c>
      <c r="C3" s="120"/>
      <c r="D3" s="120"/>
      <c r="E3" s="121"/>
      <c r="F3" s="30"/>
      <c r="G3" s="30"/>
      <c r="H3" s="30"/>
      <c r="I3" s="30"/>
      <c r="J3" s="30"/>
      <c r="K3" s="43">
        <v>45000</v>
      </c>
    </row>
    <row r="4" spans="1:11" ht="10" customHeight="1">
      <c r="A4" s="75"/>
      <c r="B4" s="31"/>
      <c r="C4" s="83" t="s">
        <v>149</v>
      </c>
      <c r="D4" s="84"/>
      <c r="E4" s="85"/>
      <c r="F4" s="12"/>
      <c r="G4" s="12"/>
      <c r="H4" s="12"/>
      <c r="I4" s="12"/>
      <c r="J4" s="12"/>
      <c r="K4" s="44">
        <v>45000</v>
      </c>
    </row>
    <row r="5" spans="1:11" ht="10" customHeight="1">
      <c r="A5" s="75"/>
      <c r="B5" s="32"/>
      <c r="C5" s="83" t="s">
        <v>26</v>
      </c>
      <c r="D5" s="84"/>
      <c r="E5" s="85"/>
      <c r="F5" s="12"/>
      <c r="G5" s="12"/>
      <c r="H5" s="12"/>
      <c r="I5" s="12"/>
      <c r="J5" s="12"/>
      <c r="K5" s="44">
        <v>0</v>
      </c>
    </row>
    <row r="6" spans="1:11" ht="10" customHeight="1">
      <c r="A6" s="75"/>
      <c r="B6" s="83" t="s">
        <v>150</v>
      </c>
      <c r="C6" s="84"/>
      <c r="D6" s="84"/>
      <c r="E6" s="85"/>
      <c r="F6" s="5"/>
      <c r="G6" s="5"/>
      <c r="H6" s="5"/>
      <c r="I6" s="5"/>
      <c r="J6" s="5"/>
      <c r="K6" s="44">
        <v>0</v>
      </c>
    </row>
    <row r="7" spans="1:11" ht="10" customHeight="1">
      <c r="A7" s="75"/>
      <c r="B7" s="83" t="s">
        <v>151</v>
      </c>
      <c r="C7" s="84"/>
      <c r="D7" s="84"/>
      <c r="E7" s="85"/>
      <c r="F7" s="5"/>
      <c r="G7" s="5"/>
      <c r="H7" s="5"/>
      <c r="I7" s="5"/>
      <c r="J7" s="5"/>
      <c r="K7" s="44">
        <v>0</v>
      </c>
    </row>
    <row r="8" spans="1:11" ht="10" customHeight="1">
      <c r="A8" s="75"/>
      <c r="B8" s="83" t="s">
        <v>152</v>
      </c>
      <c r="C8" s="84"/>
      <c r="D8" s="84"/>
      <c r="E8" s="85"/>
      <c r="F8" s="5"/>
      <c r="G8" s="5"/>
      <c r="H8" s="5"/>
      <c r="I8" s="5"/>
      <c r="J8" s="5"/>
      <c r="K8" s="44">
        <v>0</v>
      </c>
    </row>
    <row r="9" spans="1:11" ht="10" customHeight="1">
      <c r="A9" s="75"/>
      <c r="B9" s="83" t="s">
        <v>153</v>
      </c>
      <c r="C9" s="84"/>
      <c r="D9" s="84"/>
      <c r="E9" s="85"/>
      <c r="F9" s="5"/>
      <c r="G9" s="5"/>
      <c r="H9" s="5"/>
      <c r="I9" s="5"/>
      <c r="J9" s="5"/>
      <c r="K9" s="44">
        <v>24464</v>
      </c>
    </row>
    <row r="10" spans="1:11" ht="10" customHeight="1">
      <c r="A10" s="75"/>
      <c r="B10" s="83" t="s">
        <v>154</v>
      </c>
      <c r="C10" s="84"/>
      <c r="D10" s="84"/>
      <c r="E10" s="85"/>
      <c r="F10" s="5"/>
      <c r="G10" s="5"/>
      <c r="H10" s="5"/>
      <c r="I10" s="5"/>
      <c r="J10" s="5"/>
      <c r="K10" s="44">
        <v>0</v>
      </c>
    </row>
    <row r="11" spans="1:11" ht="10" customHeight="1">
      <c r="A11" s="75"/>
      <c r="B11" s="117" t="s">
        <v>155</v>
      </c>
      <c r="C11" s="117"/>
      <c r="D11" s="117"/>
      <c r="E11" s="118"/>
      <c r="F11" s="5"/>
      <c r="G11" s="5"/>
      <c r="H11" s="5"/>
      <c r="I11" s="5"/>
      <c r="J11" s="5"/>
      <c r="K11" s="44">
        <v>2084</v>
      </c>
    </row>
    <row r="12" spans="1:11" ht="10" customHeight="1">
      <c r="A12" s="75"/>
      <c r="B12" s="83" t="s">
        <v>156</v>
      </c>
      <c r="C12" s="84"/>
      <c r="D12" s="84"/>
      <c r="E12" s="85"/>
      <c r="F12" s="5"/>
      <c r="G12" s="5"/>
      <c r="H12" s="5"/>
      <c r="I12" s="5"/>
      <c r="J12" s="5"/>
      <c r="K12" s="44">
        <v>0</v>
      </c>
    </row>
    <row r="13" spans="1:11" ht="10" customHeight="1">
      <c r="A13" s="75"/>
      <c r="B13" s="83" t="s">
        <v>157</v>
      </c>
      <c r="C13" s="84"/>
      <c r="D13" s="84"/>
      <c r="E13" s="85"/>
      <c r="F13" s="5"/>
      <c r="G13" s="5"/>
      <c r="H13" s="5"/>
      <c r="I13" s="5"/>
      <c r="J13" s="5"/>
      <c r="K13" s="44">
        <v>77</v>
      </c>
    </row>
    <row r="14" spans="1:11" ht="10" customHeight="1">
      <c r="A14" s="75"/>
      <c r="B14" s="83" t="s">
        <v>26</v>
      </c>
      <c r="C14" s="84"/>
      <c r="D14" s="84"/>
      <c r="E14" s="85"/>
      <c r="F14" s="5"/>
      <c r="G14" s="5"/>
      <c r="H14" s="5"/>
      <c r="I14" s="5"/>
      <c r="J14" s="5"/>
      <c r="K14" s="44">
        <v>0</v>
      </c>
    </row>
    <row r="15" spans="1:11" ht="10" customHeight="1">
      <c r="A15" s="75"/>
      <c r="B15" s="88" t="s">
        <v>193</v>
      </c>
      <c r="C15" s="89"/>
      <c r="D15" s="89"/>
      <c r="E15" s="90"/>
      <c r="F15" s="5"/>
      <c r="G15" s="5"/>
      <c r="H15" s="5"/>
      <c r="I15" s="5"/>
      <c r="J15" s="5"/>
      <c r="K15" s="48">
        <v>71625</v>
      </c>
    </row>
    <row r="16" spans="1:11" ht="10" customHeight="1">
      <c r="A16" s="75"/>
      <c r="B16" s="16"/>
      <c r="C16" s="88" t="s">
        <v>158</v>
      </c>
      <c r="D16" s="89"/>
      <c r="E16" s="90"/>
      <c r="F16" s="51"/>
      <c r="G16" s="51"/>
      <c r="H16" s="51"/>
      <c r="I16" s="51"/>
      <c r="J16" s="51"/>
      <c r="K16" s="48"/>
    </row>
    <row r="17" spans="1:11" ht="10" customHeight="1">
      <c r="A17" s="75"/>
      <c r="B17" s="16"/>
      <c r="C17" s="143" t="s">
        <v>159</v>
      </c>
      <c r="D17" s="113"/>
      <c r="E17" s="114"/>
      <c r="F17" s="52"/>
      <c r="G17" s="52"/>
      <c r="H17" s="52"/>
      <c r="I17" s="52"/>
      <c r="J17" s="52"/>
      <c r="K17" s="47">
        <v>0</v>
      </c>
    </row>
    <row r="18" spans="1:11" ht="10" customHeight="1">
      <c r="A18" s="75"/>
      <c r="B18" s="17"/>
      <c r="C18" s="122" t="s">
        <v>192</v>
      </c>
      <c r="D18" s="123"/>
      <c r="E18" s="124"/>
      <c r="F18" s="12"/>
      <c r="G18" s="12"/>
      <c r="H18" s="12"/>
      <c r="I18" s="12"/>
      <c r="J18" s="12"/>
      <c r="K18" s="48">
        <v>0</v>
      </c>
    </row>
    <row r="19" spans="1:11" ht="10" customHeight="1">
      <c r="A19" s="76"/>
      <c r="B19" s="83" t="s">
        <v>194</v>
      </c>
      <c r="C19" s="84"/>
      <c r="D19" s="84"/>
      <c r="E19" s="85"/>
      <c r="F19" s="30"/>
      <c r="G19" s="30"/>
      <c r="H19" s="30"/>
      <c r="I19" s="30"/>
      <c r="J19" s="30"/>
      <c r="K19" s="44">
        <v>71625</v>
      </c>
    </row>
    <row r="20" spans="1:11" ht="10" customHeight="1">
      <c r="A20" s="74" t="s">
        <v>160</v>
      </c>
      <c r="B20" s="89" t="s">
        <v>161</v>
      </c>
      <c r="C20" s="89"/>
      <c r="D20" s="89"/>
      <c r="E20" s="90"/>
      <c r="F20" s="5"/>
      <c r="G20" s="5"/>
      <c r="H20" s="5"/>
      <c r="I20" s="5"/>
      <c r="J20" s="5"/>
      <c r="K20" s="44">
        <v>76049</v>
      </c>
    </row>
    <row r="21" spans="1:11" ht="10" customHeight="1">
      <c r="A21" s="75"/>
      <c r="C21" s="83" t="s">
        <v>95</v>
      </c>
      <c r="D21" s="84"/>
      <c r="E21" s="85"/>
      <c r="F21" s="12"/>
      <c r="G21" s="12"/>
      <c r="H21" s="12"/>
      <c r="I21" s="12"/>
      <c r="J21" s="12"/>
      <c r="K21" s="44">
        <v>0</v>
      </c>
    </row>
    <row r="22" spans="1:11" ht="10" customHeight="1">
      <c r="A22" s="75"/>
      <c r="B22" s="33"/>
      <c r="C22" s="83" t="s">
        <v>162</v>
      </c>
      <c r="D22" s="84"/>
      <c r="E22" s="85"/>
      <c r="F22" s="12"/>
      <c r="G22" s="12"/>
      <c r="H22" s="12"/>
      <c r="I22" s="12"/>
      <c r="J22" s="12"/>
      <c r="K22" s="44">
        <v>0</v>
      </c>
    </row>
    <row r="23" spans="1:11" ht="10" customHeight="1">
      <c r="A23" s="75"/>
      <c r="B23" s="89" t="s">
        <v>163</v>
      </c>
      <c r="C23" s="89"/>
      <c r="D23" s="89"/>
      <c r="E23" s="90"/>
      <c r="F23" s="5"/>
      <c r="G23" s="5"/>
      <c r="H23" s="5"/>
      <c r="I23" s="5"/>
      <c r="J23" s="5"/>
      <c r="K23" s="44">
        <v>12396</v>
      </c>
    </row>
    <row r="24" spans="1:11" ht="10" customHeight="1">
      <c r="A24" s="75"/>
      <c r="C24" s="83" t="s">
        <v>149</v>
      </c>
      <c r="D24" s="84"/>
      <c r="E24" s="85"/>
      <c r="F24" s="12"/>
      <c r="G24" s="12"/>
      <c r="H24" s="12"/>
      <c r="I24" s="12"/>
      <c r="J24" s="12"/>
      <c r="K24" s="44">
        <v>12396</v>
      </c>
    </row>
    <row r="25" spans="1:11" ht="10" customHeight="1">
      <c r="A25" s="75"/>
      <c r="B25" s="33"/>
      <c r="C25" s="83" t="s">
        <v>26</v>
      </c>
      <c r="D25" s="84"/>
      <c r="E25" s="85"/>
      <c r="F25" s="12"/>
      <c r="G25" s="12"/>
      <c r="H25" s="12"/>
      <c r="I25" s="12"/>
      <c r="J25" s="12"/>
      <c r="K25" s="44">
        <v>0</v>
      </c>
    </row>
    <row r="26" spans="1:11" ht="10" customHeight="1">
      <c r="A26" s="75"/>
      <c r="B26" s="83" t="s">
        <v>164</v>
      </c>
      <c r="C26" s="84"/>
      <c r="D26" s="84"/>
      <c r="E26" s="85"/>
      <c r="F26" s="5"/>
      <c r="G26" s="5"/>
      <c r="H26" s="5"/>
      <c r="I26" s="5"/>
      <c r="J26" s="5"/>
      <c r="K26" s="44">
        <v>0</v>
      </c>
    </row>
    <row r="27" spans="1:11" ht="10" customHeight="1">
      <c r="A27" s="75"/>
      <c r="B27" s="83" t="s">
        <v>165</v>
      </c>
      <c r="C27" s="84"/>
      <c r="D27" s="84"/>
      <c r="E27" s="85"/>
      <c r="F27" s="5"/>
      <c r="G27" s="5"/>
      <c r="H27" s="5"/>
      <c r="I27" s="5"/>
      <c r="J27" s="5"/>
      <c r="K27" s="44">
        <v>0</v>
      </c>
    </row>
    <row r="28" spans="1:11" ht="10" customHeight="1">
      <c r="A28" s="75"/>
      <c r="B28" s="83" t="s">
        <v>26</v>
      </c>
      <c r="C28" s="84"/>
      <c r="D28" s="84"/>
      <c r="E28" s="85"/>
      <c r="F28" s="5"/>
      <c r="G28" s="5"/>
      <c r="H28" s="5"/>
      <c r="I28" s="5"/>
      <c r="J28" s="5"/>
      <c r="K28" s="44">
        <v>0</v>
      </c>
    </row>
    <row r="29" spans="1:11" ht="10" customHeight="1">
      <c r="A29" s="76"/>
      <c r="B29" s="83" t="s">
        <v>195</v>
      </c>
      <c r="C29" s="84"/>
      <c r="D29" s="84"/>
      <c r="E29" s="85"/>
      <c r="F29" s="30"/>
      <c r="G29" s="30"/>
      <c r="H29" s="30"/>
      <c r="I29" s="30"/>
      <c r="J29" s="30"/>
      <c r="K29" s="44">
        <v>88445</v>
      </c>
    </row>
    <row r="30" spans="1:11" ht="10" customHeight="1">
      <c r="A30" s="131" t="s">
        <v>196</v>
      </c>
      <c r="B30" s="132"/>
      <c r="C30" s="133"/>
      <c r="D30" s="83" t="s">
        <v>166</v>
      </c>
      <c r="E30" s="85"/>
      <c r="F30" s="13"/>
      <c r="G30" s="13"/>
      <c r="H30" s="13"/>
      <c r="I30" s="13"/>
      <c r="J30" s="13"/>
      <c r="K30" s="44">
        <v>0</v>
      </c>
    </row>
    <row r="31" spans="1:11" ht="10" customHeight="1">
      <c r="A31" s="134"/>
      <c r="B31" s="135"/>
      <c r="C31" s="136"/>
      <c r="D31" s="83" t="s">
        <v>226</v>
      </c>
      <c r="E31" s="85"/>
      <c r="F31" s="13"/>
      <c r="G31" s="13"/>
      <c r="H31" s="13"/>
      <c r="I31" s="13"/>
      <c r="J31" s="13"/>
      <c r="K31" s="64">
        <v>16820</v>
      </c>
    </row>
    <row r="32" spans="1:11" ht="10" customHeight="1">
      <c r="A32" s="74" t="s">
        <v>167</v>
      </c>
      <c r="B32" s="83" t="s">
        <v>168</v>
      </c>
      <c r="C32" s="84"/>
      <c r="D32" s="84"/>
      <c r="E32" s="85"/>
      <c r="F32" s="6"/>
      <c r="G32" s="6"/>
      <c r="H32" s="6"/>
      <c r="I32" s="6"/>
      <c r="J32" s="6"/>
      <c r="K32" s="44">
        <v>0</v>
      </c>
    </row>
    <row r="33" spans="1:11" ht="10" customHeight="1">
      <c r="A33" s="75"/>
      <c r="B33" s="83" t="s">
        <v>169</v>
      </c>
      <c r="C33" s="84"/>
      <c r="D33" s="84"/>
      <c r="E33" s="85"/>
      <c r="F33" s="6"/>
      <c r="G33" s="6"/>
      <c r="H33" s="6"/>
      <c r="I33" s="6"/>
      <c r="J33" s="6"/>
      <c r="K33" s="44">
        <v>16820</v>
      </c>
    </row>
    <row r="34" spans="1:11" ht="10" customHeight="1">
      <c r="A34" s="75"/>
      <c r="B34" s="83" t="s">
        <v>170</v>
      </c>
      <c r="C34" s="84"/>
      <c r="D34" s="84"/>
      <c r="E34" s="85"/>
      <c r="F34" s="6"/>
      <c r="G34" s="6"/>
      <c r="H34" s="6"/>
      <c r="I34" s="6"/>
      <c r="J34" s="6"/>
      <c r="K34" s="44">
        <v>0</v>
      </c>
    </row>
    <row r="35" spans="1:11" ht="10" customHeight="1">
      <c r="A35" s="75"/>
      <c r="B35" s="83" t="s">
        <v>171</v>
      </c>
      <c r="C35" s="84"/>
      <c r="D35" s="84"/>
      <c r="E35" s="85"/>
      <c r="F35" s="6"/>
      <c r="G35" s="6"/>
      <c r="H35" s="6"/>
      <c r="I35" s="6"/>
      <c r="J35" s="6"/>
      <c r="K35" s="44">
        <v>0</v>
      </c>
    </row>
    <row r="36" spans="1:11" ht="10" customHeight="1">
      <c r="A36" s="75"/>
      <c r="B36" s="83" t="s">
        <v>172</v>
      </c>
      <c r="C36" s="84"/>
      <c r="D36" s="84"/>
      <c r="E36" s="85"/>
      <c r="F36" s="6"/>
      <c r="G36" s="6"/>
      <c r="H36" s="6"/>
      <c r="I36" s="6"/>
      <c r="J36" s="6"/>
      <c r="K36" s="44">
        <v>0</v>
      </c>
    </row>
    <row r="37" spans="1:11" ht="10" customHeight="1">
      <c r="A37" s="75"/>
      <c r="B37" s="83" t="s">
        <v>173</v>
      </c>
      <c r="C37" s="84"/>
      <c r="D37" s="84"/>
      <c r="E37" s="85"/>
      <c r="F37" s="6"/>
      <c r="G37" s="6"/>
      <c r="H37" s="6"/>
      <c r="I37" s="6"/>
      <c r="J37" s="6"/>
      <c r="K37" s="44">
        <v>0</v>
      </c>
    </row>
    <row r="38" spans="1:11" ht="10" customHeight="1">
      <c r="A38" s="75"/>
      <c r="B38" s="83" t="s">
        <v>26</v>
      </c>
      <c r="C38" s="84"/>
      <c r="D38" s="84"/>
      <c r="E38" s="85"/>
      <c r="F38" s="6"/>
      <c r="G38" s="6"/>
      <c r="H38" s="6"/>
      <c r="I38" s="6"/>
      <c r="J38" s="6"/>
      <c r="K38" s="44">
        <v>0</v>
      </c>
    </row>
    <row r="39" spans="1:11" ht="10" customHeight="1">
      <c r="A39" s="76"/>
      <c r="B39" s="83" t="s">
        <v>197</v>
      </c>
      <c r="C39" s="84"/>
      <c r="D39" s="84"/>
      <c r="E39" s="85"/>
      <c r="F39" s="34"/>
      <c r="G39" s="34"/>
      <c r="H39" s="34"/>
      <c r="I39" s="34"/>
      <c r="J39" s="34"/>
      <c r="K39" s="44">
        <v>16820</v>
      </c>
    </row>
    <row r="40" spans="1:11" ht="10" customHeight="1">
      <c r="A40" s="105" t="s">
        <v>227</v>
      </c>
      <c r="B40" s="84"/>
      <c r="C40" s="84"/>
      <c r="D40" s="84"/>
      <c r="E40" s="85"/>
      <c r="F40" s="6"/>
      <c r="G40" s="6"/>
      <c r="H40" s="6"/>
      <c r="I40" s="6"/>
      <c r="J40" s="6"/>
      <c r="K40" s="64">
        <v>0</v>
      </c>
    </row>
    <row r="41" spans="1:11" ht="9.75" customHeight="1">
      <c r="A41" s="130" t="s">
        <v>174</v>
      </c>
      <c r="B41" s="123"/>
      <c r="C41" s="123"/>
      <c r="D41" s="123"/>
      <c r="E41" s="124"/>
      <c r="F41" s="6"/>
      <c r="G41" s="6"/>
      <c r="H41" s="6"/>
      <c r="I41" s="6"/>
      <c r="J41" s="6"/>
      <c r="K41" s="44">
        <v>0</v>
      </c>
    </row>
    <row r="42" spans="1:11" ht="10" customHeight="1">
      <c r="A42" s="105" t="s">
        <v>199</v>
      </c>
      <c r="B42" s="84"/>
      <c r="C42" s="84"/>
      <c r="D42" s="84"/>
      <c r="E42" s="85"/>
      <c r="F42" s="13"/>
      <c r="G42" s="13"/>
      <c r="H42" s="13"/>
      <c r="I42" s="13"/>
      <c r="J42" s="13"/>
      <c r="K42" s="44">
        <v>0</v>
      </c>
    </row>
    <row r="43" spans="1:11" ht="10" customHeight="1">
      <c r="A43" s="137" t="s">
        <v>175</v>
      </c>
      <c r="B43" s="138"/>
      <c r="C43" s="125" t="s">
        <v>148</v>
      </c>
      <c r="D43" s="83" t="s">
        <v>207</v>
      </c>
      <c r="E43" s="85"/>
      <c r="F43" s="6"/>
      <c r="G43" s="6"/>
      <c r="H43" s="6"/>
      <c r="I43" s="6"/>
      <c r="J43" s="6"/>
      <c r="K43" s="44">
        <v>45000</v>
      </c>
    </row>
    <row r="44" spans="1:11" ht="10" customHeight="1">
      <c r="A44" s="139"/>
      <c r="B44" s="140"/>
      <c r="C44" s="126"/>
      <c r="D44" s="83" t="s">
        <v>208</v>
      </c>
      <c r="E44" s="85"/>
      <c r="F44" s="6"/>
      <c r="G44" s="6"/>
      <c r="H44" s="6"/>
      <c r="I44" s="6"/>
      <c r="J44" s="6"/>
      <c r="K44" s="44">
        <v>0</v>
      </c>
    </row>
    <row r="45" spans="1:11" ht="10" customHeight="1">
      <c r="A45" s="139"/>
      <c r="B45" s="140"/>
      <c r="C45" s="127"/>
      <c r="D45" s="83" t="s">
        <v>26</v>
      </c>
      <c r="E45" s="85"/>
      <c r="F45" s="6"/>
      <c r="G45" s="6"/>
      <c r="H45" s="6"/>
      <c r="I45" s="6"/>
      <c r="J45" s="6"/>
      <c r="K45" s="44">
        <v>0</v>
      </c>
    </row>
    <row r="46" spans="1:11" ht="10" customHeight="1">
      <c r="A46" s="139"/>
      <c r="B46" s="140"/>
      <c r="C46" s="83" t="s">
        <v>155</v>
      </c>
      <c r="D46" s="84"/>
      <c r="E46" s="85"/>
      <c r="F46" s="6"/>
      <c r="G46" s="6"/>
      <c r="H46" s="6"/>
      <c r="I46" s="6"/>
      <c r="J46" s="6"/>
      <c r="K46" s="44">
        <v>2084</v>
      </c>
    </row>
    <row r="47" spans="1:11" ht="10" customHeight="1">
      <c r="A47" s="139"/>
      <c r="B47" s="140"/>
      <c r="C47" s="83" t="s">
        <v>156</v>
      </c>
      <c r="D47" s="84"/>
      <c r="E47" s="85"/>
      <c r="F47" s="6"/>
      <c r="G47" s="6"/>
      <c r="H47" s="6"/>
      <c r="I47" s="6"/>
      <c r="J47" s="6"/>
      <c r="K47" s="44">
        <v>0</v>
      </c>
    </row>
    <row r="48" spans="1:11" ht="10" customHeight="1">
      <c r="A48" s="139"/>
      <c r="B48" s="140"/>
      <c r="C48" s="83" t="s">
        <v>157</v>
      </c>
      <c r="D48" s="84"/>
      <c r="E48" s="85"/>
      <c r="F48" s="6"/>
      <c r="G48" s="6"/>
      <c r="H48" s="6"/>
      <c r="I48" s="6"/>
      <c r="J48" s="6"/>
      <c r="K48" s="44">
        <v>77</v>
      </c>
    </row>
    <row r="49" spans="1:11" ht="10" customHeight="1">
      <c r="A49" s="139"/>
      <c r="B49" s="140"/>
      <c r="C49" s="83" t="s">
        <v>176</v>
      </c>
      <c r="D49" s="84"/>
      <c r="E49" s="85"/>
      <c r="F49" s="6"/>
      <c r="G49" s="6"/>
      <c r="H49" s="6"/>
      <c r="I49" s="6"/>
      <c r="J49" s="6"/>
      <c r="K49" s="44">
        <v>18266</v>
      </c>
    </row>
    <row r="50" spans="1:11" ht="10" customHeight="1">
      <c r="A50" s="141"/>
      <c r="B50" s="142"/>
      <c r="C50" s="83" t="s">
        <v>26</v>
      </c>
      <c r="D50" s="84"/>
      <c r="E50" s="85"/>
      <c r="F50" s="6"/>
      <c r="G50" s="6"/>
      <c r="H50" s="6"/>
      <c r="I50" s="6"/>
      <c r="J50" s="6"/>
      <c r="K50" s="44">
        <v>10622</v>
      </c>
    </row>
    <row r="51" spans="1:11" ht="10" customHeight="1">
      <c r="A51" s="106" t="s">
        <v>177</v>
      </c>
      <c r="B51" s="89"/>
      <c r="C51" s="89"/>
      <c r="D51" s="89"/>
      <c r="E51" s="90"/>
      <c r="F51" s="6"/>
      <c r="G51" s="6"/>
      <c r="H51" s="6"/>
      <c r="I51" s="6"/>
      <c r="J51" s="6"/>
      <c r="K51" s="44">
        <v>24464</v>
      </c>
    </row>
    <row r="52" spans="1:11" ht="10" customHeight="1">
      <c r="A52" s="20"/>
      <c r="B52" s="83" t="s">
        <v>178</v>
      </c>
      <c r="C52" s="84"/>
      <c r="D52" s="84"/>
      <c r="E52" s="85"/>
      <c r="F52" s="6"/>
      <c r="G52" s="6"/>
      <c r="H52" s="6"/>
      <c r="I52" s="6"/>
      <c r="J52" s="6"/>
      <c r="K52" s="44">
        <v>6198</v>
      </c>
    </row>
    <row r="53" spans="1:11" ht="10" customHeight="1">
      <c r="A53" s="20"/>
      <c r="B53" s="88" t="s">
        <v>179</v>
      </c>
      <c r="C53" s="89"/>
      <c r="D53" s="89"/>
      <c r="E53" s="90"/>
      <c r="F53" s="6"/>
      <c r="G53" s="6"/>
      <c r="H53" s="6"/>
      <c r="I53" s="6"/>
      <c r="J53" s="6"/>
      <c r="K53" s="44">
        <v>18266</v>
      </c>
    </row>
    <row r="54" spans="1:11" ht="10" customHeight="1">
      <c r="A54" s="20"/>
      <c r="B54" s="16"/>
      <c r="C54" s="83" t="s">
        <v>180</v>
      </c>
      <c r="D54" s="84"/>
      <c r="E54" s="85"/>
      <c r="F54" s="6"/>
      <c r="G54" s="6"/>
      <c r="H54" s="6"/>
      <c r="I54" s="6"/>
      <c r="J54" s="6"/>
      <c r="K54" s="44">
        <v>0</v>
      </c>
    </row>
    <row r="55" spans="1:11" ht="10" customHeight="1">
      <c r="A55" s="20"/>
      <c r="B55" s="16"/>
      <c r="C55" s="88" t="s">
        <v>201</v>
      </c>
      <c r="D55" s="89"/>
      <c r="E55" s="90"/>
      <c r="F55" s="6"/>
      <c r="G55" s="6"/>
      <c r="H55" s="6"/>
      <c r="I55" s="6"/>
      <c r="J55" s="6"/>
      <c r="K55" s="44">
        <v>18266</v>
      </c>
    </row>
    <row r="56" spans="1:11" ht="10" customHeight="1">
      <c r="A56" s="107" t="s">
        <v>181</v>
      </c>
      <c r="B56" s="108"/>
      <c r="C56" s="108"/>
      <c r="D56" s="108"/>
      <c r="E56" s="109"/>
      <c r="F56" s="13"/>
      <c r="G56" s="13"/>
      <c r="H56" s="13"/>
      <c r="I56" s="13"/>
      <c r="J56" s="13"/>
      <c r="K56" s="45">
        <v>157356</v>
      </c>
    </row>
  </sheetData>
  <mergeCells count="61">
    <mergeCell ref="C16:E16"/>
    <mergeCell ref="A3:A19"/>
    <mergeCell ref="B3:E3"/>
    <mergeCell ref="C4:E4"/>
    <mergeCell ref="C5:E5"/>
    <mergeCell ref="B6:E6"/>
    <mergeCell ref="B7:E7"/>
    <mergeCell ref="B8:E8"/>
    <mergeCell ref="B9:E9"/>
    <mergeCell ref="B10:E10"/>
    <mergeCell ref="B11:E11"/>
    <mergeCell ref="B12:E12"/>
    <mergeCell ref="B13:E13"/>
    <mergeCell ref="B14:E14"/>
    <mergeCell ref="B15:E15"/>
    <mergeCell ref="C17:E17"/>
    <mergeCell ref="A20:A29"/>
    <mergeCell ref="B20:E20"/>
    <mergeCell ref="C21:E21"/>
    <mergeCell ref="C22:E22"/>
    <mergeCell ref="B23:E23"/>
    <mergeCell ref="C24:E24"/>
    <mergeCell ref="C25:E25"/>
    <mergeCell ref="B26:E26"/>
    <mergeCell ref="B27:E27"/>
    <mergeCell ref="B28:E28"/>
    <mergeCell ref="B29:E29"/>
    <mergeCell ref="B36:E36"/>
    <mergeCell ref="B37:E37"/>
    <mergeCell ref="B38:E38"/>
    <mergeCell ref="B39:E39"/>
    <mergeCell ref="C18:E18"/>
    <mergeCell ref="B19:E19"/>
    <mergeCell ref="A56:E56"/>
    <mergeCell ref="A51:E51"/>
    <mergeCell ref="C46:E46"/>
    <mergeCell ref="C47:E47"/>
    <mergeCell ref="C48:E48"/>
    <mergeCell ref="C49:E49"/>
    <mergeCell ref="C50:E50"/>
    <mergeCell ref="A43:B50"/>
    <mergeCell ref="C43:C45"/>
    <mergeCell ref="D43:E43"/>
    <mergeCell ref="D44:E44"/>
    <mergeCell ref="D45:E45"/>
    <mergeCell ref="A1:E2"/>
    <mergeCell ref="B52:E52"/>
    <mergeCell ref="B53:E53"/>
    <mergeCell ref="C54:E54"/>
    <mergeCell ref="C55:E55"/>
    <mergeCell ref="A42:E42"/>
    <mergeCell ref="A40:E40"/>
    <mergeCell ref="A41:E41"/>
    <mergeCell ref="A30:C31"/>
    <mergeCell ref="D30:E30"/>
    <mergeCell ref="D31:E31"/>
    <mergeCell ref="A32:A39"/>
    <mergeCell ref="B32:E32"/>
    <mergeCell ref="B33:E33"/>
    <mergeCell ref="B34:E34"/>
    <mergeCell ref="B35:E35"/>
  </mergeCells>
  <phoneticPr fontId="3"/>
  <conditionalFormatting sqref="K3:K56">
    <cfRule type="cellIs" dxfId="1" priority="59" stopIfTrue="1" operator="equal">
      <formula>0</formula>
    </cfRule>
  </conditionalFormatting>
  <conditionalFormatting sqref="N75:N1048576">
    <cfRule type="cellIs" dxfId="0" priority="1" operator="equal">
      <formula>0</formula>
    </cfRule>
  </conditionalFormatting>
  <pageMargins left="0.78740157480314965" right="0.78740157480314965" top="1.2598425196850394" bottom="0.78740157480314965" header="0.51181102362204722" footer="0.51181102362204722"/>
  <pageSetup paperSize="9" scale="95" firstPageNumber="155" orientation="portrait" useFirstPageNumber="1" r:id="rId1"/>
  <headerFooter>
    <oddHeader>&amp;L&amp;"ＭＳ ゴシック,標準"Ⅳ　令和６年度地方公営企業事業別決算状況
　２　簡易水道事業（法適用事業）&amp;R&amp;"ＭＳ ゴシック,標準"
&amp;A</oddHeader>
    <oddFooter xml:space="preserve">&amp;C&amp;"ＭＳ ゴシック,標準"&amp;9 &amp;P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7</vt:i4>
      </vt:variant>
    </vt:vector>
  </HeadingPairs>
  <TitlesOfParts>
    <vt:vector size="11" baseType="lpstr">
      <vt:lpstr>ア施設及び業務の概況</vt:lpstr>
      <vt:lpstr>イ損益計算書</vt:lpstr>
      <vt:lpstr>ウ貸借対照表</vt:lpstr>
      <vt:lpstr>エ資本的収支に関する調</vt:lpstr>
      <vt:lpstr>ア施設及び業務の概況!Print_Area</vt:lpstr>
      <vt:lpstr>イ損益計算書!Print_Area</vt:lpstr>
      <vt:lpstr>エ資本的収支に関する調!Print_Area</vt:lpstr>
      <vt:lpstr>ア施設及び業務の概況!Print_Titles</vt:lpstr>
      <vt:lpstr>イ損益計算書!Print_Titles</vt:lpstr>
      <vt:lpstr>ウ貸借対照表!Print_Titles</vt:lpstr>
      <vt:lpstr>エ資本的収支に関する調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奥貫修平</dc:creator>
  <cp:lastModifiedBy>田代 幹基（市町村課）</cp:lastModifiedBy>
  <cp:lastPrinted>2026-02-05T00:59:16Z</cp:lastPrinted>
  <dcterms:created xsi:type="dcterms:W3CDTF">2016-01-04T01:30:13Z</dcterms:created>
  <dcterms:modified xsi:type="dcterms:W3CDTF">2026-02-05T01:00:03Z</dcterms:modified>
</cp:coreProperties>
</file>